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64011"/>
  <mc:AlternateContent xmlns:mc="http://schemas.openxmlformats.org/markup-compatibility/2006">
    <mc:Choice Requires="x15">
      <x15ac:absPath xmlns:x15ac="http://schemas.microsoft.com/office/spreadsheetml/2010/11/ac" url="C:\Users\s02277\Desktop\"/>
    </mc:Choice>
  </mc:AlternateContent>
  <bookViews>
    <workbookView xWindow="0" yWindow="0" windowWidth="20460" windowHeight="7500" tabRatio="847"/>
  </bookViews>
  <sheets>
    <sheet name="指定業種リスト" sheetId="30" r:id="rId1"/>
  </sheets>
  <externalReferences>
    <externalReference r:id="rId2"/>
  </externalReferences>
  <definedNames>
    <definedName name="_xlnm._FilterDatabase" localSheetId="0" hidden="1">指定業種リスト!$G$6:$H$494</definedName>
    <definedName name="_xlnm.Extract" localSheetId="0">指定業種リスト!$J$6:$K$6</definedName>
    <definedName name="_xlnm.Print_Area" localSheetId="0">指定業種リスト!$A$1:$E$1517</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D538" i="30" l="1"/>
  <c r="D539" i="30"/>
  <c r="D540" i="30"/>
  <c r="D541" i="30"/>
  <c r="D542" i="30"/>
  <c r="D543" i="30"/>
  <c r="D544" i="30"/>
  <c r="D545" i="30"/>
  <c r="D546" i="30"/>
  <c r="D547" i="30"/>
  <c r="D548" i="30"/>
  <c r="D549" i="30"/>
  <c r="D550" i="30"/>
  <c r="D551" i="30"/>
  <c r="D552" i="30"/>
  <c r="D553" i="30"/>
  <c r="D554" i="30"/>
  <c r="D555" i="30"/>
  <c r="D556" i="30"/>
  <c r="D557" i="30"/>
  <c r="D558" i="30"/>
  <c r="D559" i="30"/>
  <c r="D560" i="30"/>
  <c r="D561" i="30"/>
  <c r="D562" i="30"/>
  <c r="D563" i="30"/>
  <c r="D564" i="30"/>
  <c r="D565" i="30"/>
  <c r="D566" i="30"/>
  <c r="D567" i="30"/>
  <c r="D568" i="30"/>
  <c r="D569" i="30"/>
  <c r="D570" i="30"/>
  <c r="D571" i="30"/>
  <c r="D572" i="30"/>
  <c r="D573" i="30"/>
  <c r="D574" i="30"/>
  <c r="D575" i="30"/>
  <c r="D576" i="30"/>
  <c r="D577" i="30"/>
  <c r="D578" i="30"/>
  <c r="D579" i="30"/>
  <c r="D580" i="30"/>
  <c r="D581" i="30"/>
  <c r="D582" i="30"/>
  <c r="D583" i="30"/>
  <c r="D584" i="30"/>
  <c r="D585" i="30"/>
  <c r="D586" i="30"/>
  <c r="D587" i="30"/>
  <c r="D588" i="30"/>
  <c r="D589" i="30"/>
  <c r="D590" i="30"/>
  <c r="D591" i="30"/>
  <c r="D592" i="30"/>
  <c r="D593" i="30"/>
  <c r="D594" i="30"/>
  <c r="D595" i="30"/>
  <c r="D596" i="30"/>
  <c r="D597" i="30"/>
  <c r="D598" i="30"/>
  <c r="D599" i="30"/>
  <c r="D600" i="30"/>
  <c r="D601" i="30"/>
  <c r="D602" i="30"/>
  <c r="D603" i="30"/>
  <c r="D604" i="30"/>
  <c r="D605" i="30"/>
  <c r="D606" i="30"/>
  <c r="D607" i="30"/>
  <c r="D608" i="30"/>
  <c r="D609" i="30"/>
  <c r="D610" i="30"/>
  <c r="D611" i="30"/>
  <c r="D612" i="30"/>
  <c r="D613" i="30"/>
  <c r="D614" i="30"/>
  <c r="D615" i="30"/>
  <c r="D616" i="30"/>
  <c r="D617" i="30"/>
  <c r="D618" i="30"/>
  <c r="D619" i="30"/>
  <c r="D620" i="30"/>
  <c r="D621" i="30"/>
  <c r="D622" i="30"/>
  <c r="D623" i="30"/>
  <c r="D624" i="30"/>
  <c r="D625" i="30"/>
  <c r="D626" i="30"/>
  <c r="D627" i="30"/>
  <c r="D628" i="30"/>
  <c r="D629" i="30"/>
  <c r="D630" i="30"/>
  <c r="D631" i="30"/>
  <c r="D632" i="30"/>
  <c r="D633" i="30"/>
  <c r="D634" i="30"/>
  <c r="D635" i="30"/>
  <c r="D636" i="30"/>
  <c r="D637" i="30"/>
  <c r="D638" i="30"/>
  <c r="D639" i="30"/>
  <c r="D640" i="30"/>
  <c r="D641" i="30"/>
  <c r="D642" i="30"/>
  <c r="D643" i="30"/>
  <c r="D644" i="30"/>
  <c r="D645" i="30"/>
  <c r="D646" i="30"/>
  <c r="D647" i="30"/>
  <c r="D648" i="30"/>
  <c r="D649" i="30"/>
  <c r="D650" i="30"/>
  <c r="D651" i="30"/>
  <c r="D652" i="30"/>
  <c r="D653" i="30"/>
  <c r="D654" i="30"/>
  <c r="D655" i="30"/>
  <c r="D656" i="30"/>
  <c r="D657" i="30"/>
  <c r="D658" i="30"/>
  <c r="D659" i="30"/>
  <c r="D660" i="30"/>
  <c r="D661" i="30"/>
  <c r="D662" i="30"/>
  <c r="D663" i="30"/>
  <c r="D664" i="30"/>
  <c r="D665" i="30"/>
  <c r="D666" i="30"/>
  <c r="D667" i="30"/>
  <c r="D668" i="30"/>
  <c r="D669" i="30"/>
  <c r="D670" i="30"/>
  <c r="D671" i="30"/>
  <c r="D672" i="30"/>
  <c r="D673" i="30"/>
  <c r="D674" i="30"/>
  <c r="D675" i="30"/>
  <c r="D676" i="30"/>
  <c r="D677" i="30"/>
  <c r="D678" i="30"/>
  <c r="D679" i="30"/>
  <c r="D680" i="30"/>
  <c r="D681" i="30"/>
  <c r="D682" i="30"/>
  <c r="D683" i="30"/>
  <c r="D684" i="30"/>
  <c r="D685" i="30"/>
  <c r="D686" i="30"/>
  <c r="D687" i="30"/>
  <c r="D688" i="30"/>
  <c r="D689" i="30"/>
  <c r="D690" i="30"/>
  <c r="D691" i="30"/>
  <c r="D692" i="30"/>
  <c r="D693" i="30"/>
  <c r="D694" i="30"/>
  <c r="D695" i="30"/>
  <c r="D696" i="30"/>
  <c r="D697" i="30"/>
  <c r="D698" i="30"/>
  <c r="D699" i="30"/>
  <c r="D700" i="30"/>
  <c r="D701" i="30"/>
  <c r="D702" i="30"/>
  <c r="D703" i="30"/>
  <c r="D704" i="30"/>
  <c r="D705" i="30"/>
  <c r="D706" i="30"/>
  <c r="D707" i="30"/>
  <c r="D708" i="30"/>
  <c r="D709" i="30"/>
  <c r="D710" i="30"/>
  <c r="D711" i="30"/>
  <c r="D712" i="30"/>
  <c r="D713" i="30"/>
  <c r="D714" i="30"/>
  <c r="D715" i="30"/>
  <c r="D716" i="30"/>
  <c r="D717" i="30"/>
  <c r="D718" i="30"/>
  <c r="D719" i="30"/>
  <c r="D720" i="30"/>
  <c r="D721" i="30"/>
  <c r="D722" i="30"/>
  <c r="D723" i="30"/>
  <c r="D724" i="30"/>
  <c r="D725" i="30"/>
  <c r="D726" i="30"/>
  <c r="D727" i="30"/>
  <c r="D728" i="30"/>
  <c r="D729" i="30"/>
  <c r="D730" i="30"/>
  <c r="D731" i="30"/>
  <c r="D732" i="30"/>
  <c r="D733" i="30"/>
  <c r="D734" i="30"/>
  <c r="D735" i="30"/>
  <c r="D736" i="30"/>
  <c r="D737" i="30"/>
  <c r="D738" i="30"/>
  <c r="D739" i="30"/>
  <c r="D740" i="30"/>
  <c r="D741" i="30"/>
  <c r="D742" i="30"/>
  <c r="D743" i="30"/>
  <c r="D744" i="30"/>
  <c r="D745" i="30"/>
  <c r="D746" i="30"/>
  <c r="D747" i="30"/>
  <c r="D748" i="30"/>
  <c r="D749" i="30"/>
  <c r="D750" i="30"/>
  <c r="D751" i="30"/>
  <c r="D752" i="30"/>
  <c r="D753" i="30"/>
  <c r="D754" i="30"/>
  <c r="D755" i="30"/>
  <c r="D756" i="30"/>
  <c r="D757" i="30"/>
  <c r="D758" i="30"/>
  <c r="D759" i="30"/>
  <c r="D760" i="30"/>
  <c r="D761" i="30"/>
  <c r="D762" i="30"/>
  <c r="D763" i="30"/>
  <c r="D764" i="30"/>
  <c r="D765" i="30"/>
  <c r="D766" i="30"/>
  <c r="D767" i="30"/>
  <c r="D768" i="30"/>
  <c r="D769" i="30"/>
  <c r="D770" i="30"/>
  <c r="D771" i="30"/>
  <c r="D772" i="30"/>
  <c r="D773" i="30"/>
  <c r="D774" i="30"/>
  <c r="D775" i="30"/>
  <c r="D776" i="30"/>
  <c r="D777" i="30"/>
  <c r="D778" i="30"/>
  <c r="D779" i="30"/>
  <c r="D780" i="30"/>
  <c r="D781" i="30"/>
  <c r="D782" i="30"/>
  <c r="D783" i="30"/>
  <c r="D784" i="30"/>
  <c r="D785" i="30"/>
  <c r="D786" i="30"/>
  <c r="D787" i="30"/>
  <c r="D788" i="30"/>
  <c r="D789" i="30"/>
  <c r="D790" i="30"/>
  <c r="D791" i="30"/>
  <c r="D792" i="30"/>
  <c r="D793" i="30"/>
  <c r="D794" i="30"/>
  <c r="D795" i="30"/>
  <c r="D796" i="30"/>
  <c r="D797" i="30"/>
  <c r="D798" i="30"/>
  <c r="D799" i="30"/>
  <c r="D800" i="30"/>
  <c r="D801" i="30"/>
  <c r="D802" i="30"/>
  <c r="D803" i="30"/>
  <c r="D804" i="30"/>
  <c r="D805" i="30"/>
  <c r="D806" i="30"/>
  <c r="D807" i="30"/>
  <c r="D808" i="30"/>
  <c r="D809" i="30"/>
  <c r="D810" i="30"/>
  <c r="D811" i="30"/>
  <c r="D812" i="30"/>
  <c r="D813" i="30"/>
  <c r="D814" i="30"/>
  <c r="D815" i="30"/>
  <c r="D816" i="30"/>
  <c r="D817" i="30"/>
  <c r="D818" i="30"/>
  <c r="D819" i="30"/>
  <c r="D820" i="30"/>
  <c r="D821" i="30"/>
  <c r="D822" i="30"/>
  <c r="D823" i="30"/>
  <c r="D824" i="30"/>
  <c r="D825" i="30"/>
  <c r="D826" i="30"/>
  <c r="D827" i="30"/>
  <c r="D828" i="30"/>
  <c r="D829" i="30"/>
  <c r="D830" i="30"/>
  <c r="D831" i="30"/>
  <c r="D832" i="30"/>
  <c r="D833" i="30"/>
  <c r="D834" i="30"/>
  <c r="D835" i="30"/>
  <c r="D836" i="30"/>
  <c r="D837" i="30"/>
  <c r="D838" i="30"/>
  <c r="D839" i="30"/>
  <c r="D840" i="30"/>
  <c r="D841" i="30"/>
  <c r="D842" i="30"/>
  <c r="D843" i="30"/>
  <c r="D844" i="30"/>
  <c r="D845" i="30"/>
  <c r="D846" i="30"/>
  <c r="D847" i="30"/>
  <c r="D848" i="30"/>
  <c r="D849" i="30"/>
  <c r="D850" i="30"/>
  <c r="D851" i="30"/>
  <c r="D852" i="30"/>
  <c r="D853" i="30"/>
  <c r="D854" i="30"/>
  <c r="D855" i="30"/>
  <c r="D856" i="30"/>
  <c r="D857" i="30"/>
  <c r="D858" i="30"/>
  <c r="D859" i="30"/>
  <c r="D860" i="30"/>
  <c r="D861" i="30"/>
  <c r="D862" i="30"/>
  <c r="D863" i="30"/>
  <c r="D864" i="30"/>
  <c r="D865" i="30"/>
  <c r="D866" i="30"/>
  <c r="D867" i="30"/>
  <c r="D868" i="30"/>
  <c r="D869" i="30"/>
  <c r="D870" i="30"/>
  <c r="D871" i="30"/>
  <c r="D872" i="30"/>
  <c r="D873" i="30"/>
  <c r="D874" i="30"/>
  <c r="D875" i="30"/>
  <c r="D876" i="30"/>
  <c r="D877" i="30"/>
  <c r="D878" i="30"/>
  <c r="D879" i="30"/>
  <c r="D880" i="30"/>
  <c r="D881" i="30"/>
  <c r="D882" i="30"/>
  <c r="D883" i="30"/>
  <c r="D884" i="30"/>
  <c r="D885" i="30"/>
  <c r="D886" i="30"/>
  <c r="D887" i="30"/>
  <c r="D888" i="30"/>
  <c r="D889" i="30"/>
  <c r="D890" i="30"/>
  <c r="D891" i="30"/>
  <c r="D892" i="30"/>
  <c r="D893" i="30"/>
  <c r="D894" i="30"/>
  <c r="D895" i="30"/>
  <c r="D896" i="30"/>
  <c r="D897" i="30"/>
  <c r="D898" i="30"/>
  <c r="D899" i="30"/>
  <c r="D900" i="30"/>
  <c r="D901" i="30"/>
  <c r="D902" i="30"/>
  <c r="D903" i="30"/>
  <c r="D904" i="30"/>
  <c r="D905" i="30"/>
  <c r="D906" i="30"/>
  <c r="D907" i="30"/>
  <c r="D908" i="30"/>
  <c r="D909" i="30"/>
  <c r="D910" i="30"/>
  <c r="D911" i="30"/>
  <c r="D912" i="30"/>
  <c r="D913" i="30"/>
  <c r="D914" i="30"/>
  <c r="D915" i="30"/>
  <c r="D916" i="30"/>
  <c r="D917" i="30"/>
  <c r="D918" i="30"/>
  <c r="D919" i="30"/>
  <c r="D920" i="30"/>
  <c r="D921" i="30"/>
  <c r="D922" i="30"/>
  <c r="D923" i="30"/>
  <c r="D924" i="30"/>
  <c r="D925" i="30"/>
  <c r="D926" i="30"/>
  <c r="D927" i="30"/>
  <c r="D928" i="30"/>
  <c r="D929" i="30"/>
  <c r="D930" i="30"/>
  <c r="D931" i="30"/>
  <c r="D932" i="30"/>
  <c r="D933" i="30"/>
  <c r="D934" i="30"/>
  <c r="D935" i="30"/>
  <c r="D936" i="30"/>
  <c r="D937" i="30"/>
  <c r="D938" i="30"/>
  <c r="D939" i="30"/>
  <c r="D940" i="30"/>
  <c r="D941" i="30"/>
  <c r="D942" i="30"/>
  <c r="D943" i="30"/>
  <c r="D944" i="30"/>
  <c r="D945" i="30"/>
  <c r="D946" i="30"/>
  <c r="D947" i="30"/>
  <c r="D948" i="30"/>
  <c r="D949" i="30"/>
  <c r="D950" i="30"/>
  <c r="D951" i="30"/>
  <c r="D952" i="30"/>
  <c r="D953" i="30"/>
  <c r="D954" i="30"/>
  <c r="D955" i="30"/>
  <c r="D956" i="30"/>
  <c r="D957" i="30"/>
  <c r="D958" i="30"/>
  <c r="D959" i="30"/>
  <c r="D960" i="30"/>
  <c r="D961" i="30"/>
  <c r="D962" i="30"/>
  <c r="D963" i="30"/>
  <c r="D964" i="30"/>
  <c r="D965" i="30"/>
  <c r="D966" i="30"/>
  <c r="D967" i="30"/>
  <c r="D968" i="30"/>
  <c r="D969" i="30"/>
  <c r="D970" i="30"/>
  <c r="D971" i="30"/>
  <c r="D972" i="30"/>
  <c r="D973" i="30"/>
  <c r="D974" i="30"/>
  <c r="D975" i="30"/>
  <c r="D976" i="30"/>
  <c r="D977" i="30"/>
  <c r="D978" i="30"/>
  <c r="D979" i="30"/>
  <c r="D980" i="30"/>
  <c r="D981" i="30"/>
  <c r="D982" i="30"/>
  <c r="D983" i="30"/>
  <c r="D984" i="30"/>
  <c r="D985" i="30"/>
  <c r="D986" i="30"/>
  <c r="D987" i="30"/>
  <c r="D988" i="30"/>
  <c r="D989" i="30"/>
  <c r="D990" i="30"/>
  <c r="D991" i="30"/>
  <c r="D992" i="30"/>
  <c r="D993" i="30"/>
  <c r="D994" i="30"/>
  <c r="D995" i="30"/>
  <c r="D996" i="30"/>
  <c r="D997" i="30"/>
  <c r="D998" i="30"/>
  <c r="D999" i="30"/>
  <c r="D1000" i="30"/>
  <c r="D1001" i="30"/>
  <c r="D1002" i="30"/>
  <c r="D1003" i="30"/>
  <c r="D1004" i="30"/>
  <c r="D1005" i="30"/>
  <c r="D1006" i="30"/>
  <c r="D1007" i="30"/>
  <c r="D1008" i="30"/>
  <c r="D1009" i="30"/>
  <c r="D1010" i="30"/>
  <c r="D1011" i="30"/>
  <c r="D1012" i="30"/>
  <c r="D1013" i="30"/>
  <c r="D1014" i="30"/>
  <c r="D1015" i="30"/>
  <c r="D1016" i="30"/>
  <c r="D1017" i="30"/>
  <c r="D1018" i="30"/>
  <c r="D1019" i="30"/>
  <c r="D1020" i="30"/>
  <c r="D1021" i="30"/>
  <c r="D1022" i="30"/>
  <c r="D1023" i="30"/>
  <c r="D1024" i="30"/>
  <c r="D1025" i="30"/>
  <c r="D1026" i="30"/>
  <c r="D1027" i="30"/>
  <c r="D1028" i="30"/>
  <c r="D1029" i="30"/>
  <c r="D1030" i="30"/>
  <c r="D1031" i="30"/>
  <c r="D1032" i="30"/>
  <c r="D1033" i="30"/>
  <c r="D1034" i="30"/>
  <c r="D1035" i="30"/>
  <c r="D1036" i="30"/>
  <c r="D1037" i="30"/>
  <c r="D1038" i="30"/>
  <c r="D1039" i="30"/>
  <c r="D1040" i="30"/>
  <c r="D1041" i="30"/>
  <c r="D1042" i="30"/>
  <c r="D1043" i="30"/>
  <c r="D1044" i="30"/>
  <c r="D1045" i="30"/>
  <c r="D1046" i="30"/>
  <c r="D1047" i="30"/>
  <c r="D1048" i="30"/>
  <c r="D1049" i="30"/>
  <c r="D1050" i="30"/>
  <c r="D1051" i="30"/>
  <c r="D1052" i="30"/>
  <c r="D1053" i="30"/>
  <c r="D1054" i="30"/>
  <c r="D1055" i="30"/>
  <c r="D1056" i="30"/>
  <c r="D1057" i="30"/>
  <c r="D1058" i="30"/>
  <c r="D1059" i="30"/>
  <c r="D1060" i="30"/>
  <c r="D1061" i="30"/>
  <c r="D1062" i="30"/>
  <c r="D1063" i="30"/>
  <c r="D1064" i="30"/>
  <c r="D1065" i="30"/>
  <c r="D1066" i="30"/>
  <c r="D1067" i="30"/>
  <c r="D1068" i="30"/>
  <c r="D1069" i="30"/>
  <c r="D1070" i="30"/>
  <c r="D1071" i="30"/>
  <c r="D1072" i="30"/>
  <c r="D1073" i="30"/>
  <c r="D1074" i="30"/>
  <c r="D1075" i="30"/>
  <c r="D1076" i="30"/>
  <c r="D1077" i="30"/>
  <c r="D1078" i="30"/>
  <c r="D1079" i="30"/>
  <c r="D1080" i="30"/>
  <c r="D1081" i="30"/>
  <c r="D1082" i="30"/>
  <c r="D1083" i="30"/>
  <c r="D1084" i="30"/>
  <c r="D1085" i="30"/>
  <c r="D1086" i="30"/>
  <c r="D1087" i="30"/>
  <c r="D1088" i="30"/>
  <c r="D1089" i="30"/>
  <c r="D1090" i="30"/>
  <c r="D1091" i="30"/>
  <c r="D1092" i="30"/>
  <c r="D1093" i="30"/>
  <c r="D1094" i="30"/>
  <c r="D1095" i="30"/>
  <c r="D1096" i="30"/>
  <c r="D1097" i="30"/>
  <c r="D1098" i="30"/>
  <c r="D1099" i="30"/>
  <c r="D1100" i="30"/>
  <c r="D1101" i="30"/>
  <c r="D1102" i="30"/>
  <c r="D1103" i="30"/>
  <c r="D1104" i="30"/>
  <c r="D1105" i="30"/>
  <c r="D1106" i="30"/>
  <c r="D1107" i="30"/>
  <c r="D1108" i="30"/>
  <c r="D1109" i="30"/>
  <c r="D1110" i="30"/>
  <c r="D1111" i="30"/>
  <c r="D1112" i="30"/>
  <c r="D1113" i="30"/>
  <c r="D1114" i="30"/>
  <c r="D1115" i="30"/>
  <c r="D1116" i="30"/>
  <c r="D1117" i="30"/>
  <c r="D1118" i="30"/>
  <c r="D1119" i="30"/>
  <c r="D1120" i="30"/>
  <c r="D1121" i="30"/>
  <c r="D1122" i="30"/>
  <c r="D1123" i="30"/>
  <c r="D1124" i="30"/>
  <c r="D1125" i="30"/>
  <c r="D1126" i="30"/>
  <c r="D1127" i="30"/>
  <c r="D1128" i="30"/>
  <c r="D1129" i="30"/>
  <c r="D1130" i="30"/>
  <c r="D1131" i="30"/>
  <c r="D1132" i="30"/>
  <c r="D1133" i="30"/>
  <c r="D1134" i="30"/>
  <c r="D1135" i="30"/>
  <c r="D1136" i="30"/>
  <c r="D1137" i="30"/>
  <c r="D1138" i="30"/>
  <c r="D1139" i="30"/>
  <c r="D1140" i="30"/>
  <c r="D1141" i="30"/>
  <c r="D1142" i="30"/>
  <c r="D1143" i="30"/>
  <c r="D1144" i="30"/>
  <c r="D1145" i="30"/>
  <c r="D1146" i="30"/>
  <c r="D1147" i="30"/>
  <c r="D1148" i="30"/>
  <c r="D1149" i="30"/>
  <c r="D1150" i="30"/>
  <c r="D1151" i="30"/>
  <c r="D1152" i="30"/>
  <c r="D1153" i="30"/>
  <c r="D1154" i="30"/>
  <c r="D1155" i="30"/>
  <c r="D1156" i="30"/>
  <c r="D1157" i="30"/>
  <c r="D1158" i="30"/>
  <c r="D1159" i="30"/>
  <c r="D1160" i="30"/>
  <c r="D1161" i="30"/>
  <c r="D1162" i="30"/>
  <c r="D1163" i="30"/>
  <c r="D1164" i="30"/>
  <c r="D1165" i="30"/>
  <c r="D1166" i="30"/>
  <c r="D1167" i="30"/>
  <c r="D1168" i="30"/>
  <c r="D1169" i="30"/>
  <c r="D1170" i="30"/>
  <c r="D1171" i="30"/>
  <c r="D1172" i="30"/>
  <c r="D1173" i="30"/>
  <c r="D1174" i="30"/>
  <c r="D1175" i="30"/>
  <c r="D1176" i="30"/>
  <c r="D1177" i="30"/>
  <c r="D1178" i="30"/>
  <c r="D1179" i="30"/>
  <c r="D1180" i="30"/>
  <c r="D1181" i="30"/>
  <c r="D1182" i="30"/>
  <c r="D1183" i="30"/>
  <c r="D1184" i="30"/>
  <c r="D1185" i="30"/>
  <c r="D1186" i="30"/>
  <c r="D1187" i="30"/>
  <c r="D1188" i="30"/>
  <c r="D1189" i="30"/>
  <c r="D1190" i="30"/>
  <c r="D1191" i="30"/>
  <c r="D1192" i="30"/>
  <c r="D1193" i="30"/>
  <c r="D1194" i="30"/>
  <c r="D1195" i="30"/>
  <c r="D1196" i="30"/>
  <c r="D1197" i="30"/>
  <c r="D1198" i="30"/>
  <c r="D1199" i="30"/>
  <c r="D1200" i="30"/>
  <c r="D1201" i="30"/>
  <c r="D1202" i="30"/>
  <c r="D1203" i="30"/>
  <c r="D1204" i="30"/>
  <c r="D1205" i="30"/>
  <c r="D1206" i="30"/>
  <c r="D1207" i="30"/>
  <c r="D1208" i="30"/>
  <c r="D1209" i="30"/>
  <c r="D1210" i="30"/>
  <c r="D1211" i="30"/>
  <c r="D1212" i="30"/>
  <c r="D1213" i="30"/>
  <c r="D1214" i="30"/>
  <c r="D1215" i="30"/>
  <c r="D1216" i="30"/>
  <c r="D1217" i="30"/>
  <c r="D1218" i="30"/>
  <c r="D1219" i="30"/>
  <c r="D1220" i="30"/>
  <c r="D1221" i="30"/>
  <c r="D1222" i="30"/>
  <c r="D1223" i="30"/>
  <c r="D1224" i="30"/>
  <c r="D1225" i="30"/>
  <c r="D1226" i="30"/>
  <c r="D1227" i="30"/>
  <c r="D1228" i="30"/>
  <c r="D1229" i="30"/>
  <c r="D1230" i="30"/>
  <c r="D1231" i="30"/>
  <c r="D1232" i="30"/>
  <c r="D1233" i="30"/>
  <c r="D1234" i="30"/>
  <c r="D1235" i="30"/>
  <c r="D1236" i="30"/>
  <c r="D1237" i="30"/>
  <c r="D1238" i="30"/>
  <c r="D1239" i="30"/>
  <c r="D1240" i="30"/>
  <c r="D1241" i="30"/>
  <c r="D1242" i="30"/>
  <c r="D1243" i="30"/>
  <c r="D1244" i="30"/>
  <c r="D1245" i="30"/>
  <c r="D1246" i="30"/>
  <c r="D1247" i="30"/>
  <c r="D1248" i="30"/>
  <c r="D1249" i="30"/>
  <c r="D1250" i="30"/>
  <c r="D1251" i="30"/>
  <c r="D1252" i="30"/>
  <c r="D1253" i="30"/>
  <c r="D1254" i="30"/>
  <c r="D1255" i="30"/>
  <c r="D1256" i="30"/>
  <c r="D1257" i="30"/>
  <c r="D1258" i="30"/>
  <c r="D1259" i="30"/>
  <c r="D1260" i="30"/>
  <c r="D1261" i="30"/>
  <c r="D1262" i="30"/>
  <c r="D1263" i="30"/>
  <c r="D1264" i="30"/>
  <c r="D1265" i="30"/>
  <c r="D1266" i="30"/>
  <c r="D1267" i="30"/>
  <c r="D1268" i="30"/>
  <c r="D1269" i="30"/>
  <c r="D1270" i="30"/>
  <c r="D1271" i="30"/>
  <c r="D1272" i="30"/>
  <c r="D1273" i="30"/>
  <c r="D1274" i="30"/>
  <c r="D1275" i="30"/>
  <c r="D1276" i="30"/>
  <c r="D1277" i="30"/>
  <c r="D1278" i="30"/>
  <c r="D1279" i="30"/>
  <c r="D1280" i="30"/>
  <c r="D1281" i="30"/>
  <c r="D1282" i="30"/>
  <c r="D1283" i="30"/>
  <c r="D1284" i="30"/>
  <c r="D1285" i="30"/>
  <c r="D1286" i="30"/>
  <c r="D1287" i="30"/>
  <c r="D1288" i="30"/>
  <c r="D1289" i="30"/>
  <c r="D1290" i="30"/>
  <c r="D1291" i="30"/>
  <c r="D1292" i="30"/>
  <c r="D1293" i="30"/>
  <c r="D1294" i="30"/>
  <c r="D1295" i="30"/>
  <c r="D1296" i="30"/>
  <c r="D1297" i="30"/>
  <c r="D1298" i="30"/>
  <c r="D1299" i="30"/>
  <c r="D1300" i="30"/>
  <c r="D1301" i="30"/>
  <c r="D1302" i="30"/>
  <c r="D1303" i="30"/>
  <c r="D1304" i="30"/>
  <c r="D1305" i="30"/>
  <c r="D1306" i="30"/>
  <c r="D1307" i="30"/>
  <c r="D1308" i="30"/>
  <c r="D1309" i="30"/>
  <c r="D1310" i="30"/>
  <c r="D1311" i="30"/>
  <c r="D1312" i="30"/>
  <c r="D1313" i="30"/>
  <c r="D1314" i="30"/>
  <c r="D1315" i="30"/>
  <c r="D1316" i="30"/>
  <c r="D1317" i="30"/>
  <c r="D1318" i="30"/>
  <c r="D1319" i="30"/>
  <c r="D1320" i="30"/>
  <c r="D1321" i="30"/>
  <c r="D1322" i="30"/>
  <c r="D1323" i="30"/>
  <c r="D1324" i="30"/>
  <c r="D1325" i="30"/>
  <c r="D1326" i="30"/>
  <c r="D1327" i="30"/>
  <c r="D1328" i="30"/>
  <c r="D1329" i="30"/>
  <c r="D1330" i="30"/>
  <c r="D1331" i="30"/>
  <c r="D1332" i="30"/>
  <c r="D1333" i="30"/>
  <c r="D1334" i="30"/>
  <c r="D1335" i="30"/>
  <c r="D1336" i="30"/>
  <c r="D1337" i="30"/>
  <c r="D1338" i="30"/>
  <c r="D1339" i="30"/>
  <c r="D1340" i="30"/>
  <c r="D1341" i="30"/>
  <c r="D1342" i="30"/>
  <c r="D1343" i="30"/>
  <c r="D1344" i="30"/>
  <c r="D1345" i="30"/>
  <c r="D1346" i="30"/>
  <c r="D1347" i="30"/>
  <c r="D1348" i="30"/>
  <c r="D1349" i="30"/>
  <c r="D1350" i="30"/>
  <c r="D1351" i="30"/>
  <c r="D1352" i="30"/>
  <c r="D1353" i="30"/>
  <c r="D1354" i="30"/>
  <c r="D1355" i="30"/>
  <c r="D1356" i="30"/>
  <c r="D1357" i="30"/>
  <c r="D1358" i="30"/>
  <c r="D1359" i="30"/>
  <c r="D1360" i="30"/>
  <c r="D1361" i="30"/>
  <c r="D1362" i="30"/>
  <c r="D1363" i="30"/>
  <c r="D1364" i="30"/>
  <c r="D1365" i="30"/>
  <c r="D1366" i="30"/>
  <c r="D1367" i="30"/>
  <c r="D1368" i="30"/>
  <c r="D1369" i="30"/>
  <c r="D1370" i="30"/>
  <c r="D1371" i="30"/>
  <c r="D1372" i="30"/>
  <c r="D1373" i="30"/>
  <c r="D1374" i="30"/>
  <c r="D1375" i="30"/>
  <c r="D1376" i="30"/>
  <c r="D1377" i="30"/>
  <c r="D1378" i="30"/>
  <c r="D1379" i="30"/>
  <c r="D1380" i="30"/>
  <c r="D1381" i="30"/>
  <c r="D1382" i="30"/>
  <c r="D1383" i="30"/>
  <c r="D1384" i="30"/>
  <c r="D1385" i="30"/>
  <c r="D1386" i="30"/>
  <c r="D1387" i="30"/>
  <c r="D1388" i="30"/>
  <c r="D1389" i="30"/>
  <c r="D1390" i="30"/>
  <c r="D1391" i="30"/>
  <c r="D1392" i="30"/>
  <c r="D1393" i="30"/>
  <c r="D1394" i="30"/>
  <c r="D1395" i="30"/>
  <c r="D1396" i="30"/>
  <c r="D1397" i="30"/>
  <c r="D1398" i="30"/>
  <c r="D1399" i="30"/>
  <c r="D1400" i="30"/>
  <c r="D1401" i="30"/>
  <c r="D1402" i="30"/>
  <c r="D1403" i="30"/>
  <c r="D1404" i="30"/>
  <c r="D1405" i="30"/>
  <c r="D1406" i="30"/>
  <c r="D1407" i="30"/>
  <c r="D1408" i="30"/>
  <c r="D1409" i="30"/>
  <c r="D1410" i="30"/>
  <c r="D1411" i="30"/>
  <c r="D1412" i="30"/>
  <c r="D1413" i="30"/>
  <c r="D1414" i="30"/>
  <c r="D1415" i="30"/>
  <c r="D1416" i="30"/>
  <c r="D1417" i="30"/>
  <c r="D1418" i="30"/>
  <c r="D1419" i="30"/>
  <c r="D1420" i="30"/>
  <c r="D1421" i="30"/>
  <c r="D1422" i="30"/>
  <c r="D1423" i="30"/>
  <c r="D1424" i="30"/>
  <c r="D1425" i="30"/>
  <c r="D1426" i="30"/>
  <c r="D1427" i="30"/>
  <c r="D1428" i="30"/>
  <c r="D1429" i="30"/>
  <c r="D1430" i="30"/>
  <c r="D1431" i="30"/>
  <c r="D1432" i="30"/>
  <c r="D1433" i="30"/>
  <c r="D1434" i="30"/>
  <c r="D1435" i="30"/>
  <c r="D1436" i="30"/>
  <c r="D1437" i="30"/>
  <c r="D1438" i="30"/>
  <c r="D1439" i="30"/>
  <c r="D1440" i="30"/>
  <c r="D1441" i="30"/>
  <c r="D1442" i="30"/>
  <c r="D1443" i="30"/>
  <c r="D1444" i="30"/>
  <c r="D1445" i="30"/>
  <c r="D1446" i="30"/>
  <c r="D1447" i="30"/>
  <c r="D1448" i="30"/>
  <c r="D1449" i="30"/>
  <c r="D1450" i="30"/>
  <c r="D1451" i="30"/>
  <c r="D1452" i="30"/>
  <c r="D1453" i="30"/>
  <c r="D1454" i="30"/>
  <c r="D1455" i="30"/>
  <c r="D1456" i="30"/>
  <c r="D1457" i="30"/>
  <c r="D1458" i="30"/>
  <c r="D1459" i="30"/>
  <c r="D1460" i="30"/>
  <c r="D1461" i="30"/>
  <c r="D1462" i="30"/>
  <c r="D1463" i="30"/>
  <c r="D1464" i="30"/>
  <c r="D1465" i="30"/>
  <c r="D1466" i="30"/>
  <c r="D1467" i="30"/>
  <c r="D1468" i="30"/>
  <c r="D1469" i="30"/>
  <c r="D1470" i="30"/>
  <c r="D1471" i="30"/>
  <c r="D1472" i="30"/>
  <c r="D1473" i="30"/>
  <c r="D1474" i="30"/>
  <c r="D1475" i="30"/>
  <c r="D1476" i="30"/>
  <c r="D1477" i="30"/>
  <c r="D1478" i="30"/>
  <c r="D1479" i="30"/>
  <c r="D1480" i="30"/>
  <c r="D1481" i="30"/>
  <c r="D1482" i="30"/>
  <c r="D1483" i="30"/>
  <c r="D1484" i="30"/>
  <c r="D1485" i="30"/>
  <c r="D1486" i="30"/>
  <c r="D1487" i="30"/>
  <c r="D1488" i="30"/>
  <c r="D1489" i="30"/>
  <c r="D1490" i="30"/>
  <c r="D1491" i="30"/>
  <c r="D1492" i="30"/>
  <c r="D1493" i="30"/>
  <c r="D1494" i="30"/>
  <c r="D1495" i="30"/>
  <c r="D1496" i="30"/>
  <c r="D1497" i="30"/>
  <c r="D1498" i="30"/>
  <c r="D1499" i="30"/>
  <c r="D1500" i="30"/>
  <c r="D1501" i="30"/>
  <c r="D1502" i="30"/>
  <c r="D1503" i="30"/>
  <c r="D1504" i="30"/>
  <c r="D1505" i="30"/>
  <c r="D1506" i="30"/>
  <c r="D1507" i="30"/>
  <c r="D1508" i="30"/>
  <c r="D1509" i="30"/>
  <c r="D1510" i="30"/>
  <c r="D1511" i="30"/>
  <c r="D1512" i="30"/>
  <c r="D1513" i="30"/>
</calcChain>
</file>

<file path=xl/sharedStrings.xml><?xml version="1.0" encoding="utf-8"?>
<sst xmlns="http://schemas.openxmlformats.org/spreadsheetml/2006/main" count="1071" uniqueCount="1071">
  <si>
    <t>0113</t>
  </si>
  <si>
    <t>0116</t>
  </si>
  <si>
    <t>0543</t>
  </si>
  <si>
    <t>安山岩・同類似岩石採石業</t>
  </si>
  <si>
    <t>0544</t>
  </si>
  <si>
    <t>大理石採石業</t>
  </si>
  <si>
    <t>0545</t>
  </si>
  <si>
    <t>ぎょう灰岩採石業</t>
  </si>
  <si>
    <t>0546</t>
  </si>
  <si>
    <t>砂岩採石業</t>
  </si>
  <si>
    <t>0548</t>
  </si>
  <si>
    <t>砂・砂利・玉石採取業</t>
  </si>
  <si>
    <t>0549</t>
  </si>
  <si>
    <t>0551</t>
  </si>
  <si>
    <t>耐火粘土鉱業</t>
  </si>
  <si>
    <t>0552</t>
  </si>
  <si>
    <t>ろう石鉱業</t>
  </si>
  <si>
    <t>0553</t>
  </si>
  <si>
    <t>ドロマイト鉱業</t>
  </si>
  <si>
    <t>0555</t>
  </si>
  <si>
    <t>けい石鉱業</t>
  </si>
  <si>
    <t>0556</t>
  </si>
  <si>
    <t>天然けい砂鉱業</t>
  </si>
  <si>
    <t>0592</t>
  </si>
  <si>
    <t>ベントナイト鉱業</t>
  </si>
  <si>
    <t>0593</t>
  </si>
  <si>
    <t>けいそう土鉱業</t>
  </si>
  <si>
    <t>0594</t>
  </si>
  <si>
    <t>滑石鉱業</t>
  </si>
  <si>
    <t>0599</t>
  </si>
  <si>
    <t>他に分類されない鉱業</t>
  </si>
  <si>
    <t>0611</t>
  </si>
  <si>
    <t>一般土木建築工事業</t>
  </si>
  <si>
    <t>0621</t>
  </si>
  <si>
    <t>0622</t>
  </si>
  <si>
    <t>造園工事業</t>
  </si>
  <si>
    <t>0641</t>
  </si>
  <si>
    <t>0651</t>
  </si>
  <si>
    <t>木造建築工事業</t>
  </si>
  <si>
    <t>0712</t>
  </si>
  <si>
    <t>型枠大工工事業</t>
  </si>
  <si>
    <t>0721</t>
  </si>
  <si>
    <t>とび工事業</t>
  </si>
  <si>
    <t>0722</t>
  </si>
  <si>
    <t>土工・コンクリート工事業</t>
  </si>
  <si>
    <t>0723</t>
  </si>
  <si>
    <t>特殊コンクリート工事業</t>
  </si>
  <si>
    <t>0732</t>
  </si>
  <si>
    <t>鉄筋工事業</t>
  </si>
  <si>
    <t>0743</t>
  </si>
  <si>
    <t>タイル工事業</t>
  </si>
  <si>
    <t>0771</t>
  </si>
  <si>
    <t>塗装工事業（道路標示・区画線工事業を除く）</t>
  </si>
  <si>
    <t>0772</t>
  </si>
  <si>
    <t>道路標示・区画線工事業</t>
  </si>
  <si>
    <t>0781</t>
  </si>
  <si>
    <t>床工事業</t>
  </si>
  <si>
    <t>0782</t>
  </si>
  <si>
    <t>内装工事業</t>
  </si>
  <si>
    <t>0792</t>
  </si>
  <si>
    <t>金属製建具工事業</t>
  </si>
  <si>
    <t>0793</t>
  </si>
  <si>
    <t>木製建具工事業</t>
  </si>
  <si>
    <t>0794</t>
  </si>
  <si>
    <t>屋根工事業（金属製屋根工事業を除く）</t>
  </si>
  <si>
    <t>0796</t>
  </si>
  <si>
    <t>はつり・解体工事業</t>
  </si>
  <si>
    <t>0831</t>
  </si>
  <si>
    <t>一般管工事業</t>
  </si>
  <si>
    <t>0832</t>
  </si>
  <si>
    <t>冷暖房設備工事業</t>
  </si>
  <si>
    <t>0833</t>
  </si>
  <si>
    <t>給排水・衛生設備工事業</t>
  </si>
  <si>
    <t>0892</t>
  </si>
  <si>
    <t>熱絶縁工事業</t>
  </si>
  <si>
    <t>0911</t>
  </si>
  <si>
    <t>部分肉・冷凍肉製造業</t>
  </si>
  <si>
    <t>0912</t>
  </si>
  <si>
    <t>肉加工品製造業</t>
  </si>
  <si>
    <t>0919</t>
  </si>
  <si>
    <t>その他の畜産食料品製造業</t>
  </si>
  <si>
    <t>0921</t>
  </si>
  <si>
    <t>水産缶詰・瓶詰製造業</t>
  </si>
  <si>
    <t>0922</t>
  </si>
  <si>
    <t>海藻加工業</t>
  </si>
  <si>
    <t>0923</t>
  </si>
  <si>
    <t>水産練製品製造業</t>
  </si>
  <si>
    <t>0924</t>
  </si>
  <si>
    <t>塩干・塩蔵品製造業</t>
  </si>
  <si>
    <t>0925</t>
  </si>
  <si>
    <t>冷凍水産物製造業</t>
  </si>
  <si>
    <t>0926</t>
  </si>
  <si>
    <t>冷凍水産食品製造業</t>
  </si>
  <si>
    <t>0929</t>
  </si>
  <si>
    <t>その他の水産食料品製造業</t>
  </si>
  <si>
    <t>0941</t>
  </si>
  <si>
    <t>味そ製造業</t>
  </si>
  <si>
    <t>0942</t>
  </si>
  <si>
    <t>しょう油・食用アミノ酸製造業</t>
  </si>
  <si>
    <t>0943</t>
  </si>
  <si>
    <t>ソース製造業</t>
  </si>
  <si>
    <t>0949</t>
  </si>
  <si>
    <t>その他の調味料製造業</t>
  </si>
  <si>
    <t>0953</t>
  </si>
  <si>
    <t>ぶどう糖・水あめ・異性化糖製造業</t>
  </si>
  <si>
    <t>0961</t>
  </si>
  <si>
    <t>精米・精麦業</t>
  </si>
  <si>
    <t>0971</t>
  </si>
  <si>
    <t>パン製造業</t>
  </si>
  <si>
    <t>0972</t>
  </si>
  <si>
    <t>生菓子製造業</t>
  </si>
  <si>
    <t>0973</t>
  </si>
  <si>
    <t>ビスケット類・干菓子製造業</t>
  </si>
  <si>
    <t>0974</t>
  </si>
  <si>
    <t>米菓製造業</t>
  </si>
  <si>
    <t>0979</t>
  </si>
  <si>
    <t>その他のパン・菓子製造業</t>
  </si>
  <si>
    <t>0991</t>
  </si>
  <si>
    <t>でんぷん製造業</t>
  </si>
  <si>
    <t>0992</t>
  </si>
  <si>
    <t>めん類製造業</t>
  </si>
  <si>
    <t>0993</t>
  </si>
  <si>
    <t>豆腐・油揚製造業</t>
  </si>
  <si>
    <t>0999</t>
  </si>
  <si>
    <t>他に分類されない食料品製造業</t>
  </si>
  <si>
    <t>1011</t>
  </si>
  <si>
    <t>清涼飲料製造業</t>
  </si>
  <si>
    <t>1021</t>
  </si>
  <si>
    <t>果実酒製造業</t>
  </si>
  <si>
    <t>1022</t>
  </si>
  <si>
    <t>ビール類製造業</t>
  </si>
  <si>
    <t>1023</t>
  </si>
  <si>
    <t>清酒製造業</t>
  </si>
  <si>
    <t>1024</t>
  </si>
  <si>
    <t>蒸留酒・混成酒製造業</t>
  </si>
  <si>
    <t>1031</t>
  </si>
  <si>
    <t>製茶業</t>
  </si>
  <si>
    <t>1062</t>
  </si>
  <si>
    <t>単体飼料製造業</t>
  </si>
  <si>
    <t>1111</t>
  </si>
  <si>
    <t>製糸業</t>
  </si>
  <si>
    <t>1112</t>
  </si>
  <si>
    <t>化学繊維製造業</t>
  </si>
  <si>
    <t>1114</t>
  </si>
  <si>
    <t>綿紡績業</t>
  </si>
  <si>
    <t>1115</t>
  </si>
  <si>
    <t>化学繊維紡績業</t>
  </si>
  <si>
    <t>1116</t>
  </si>
  <si>
    <t>毛紡績業</t>
  </si>
  <si>
    <t>1117</t>
  </si>
  <si>
    <t>ねん糸製造業（かさ高加工糸を除く）</t>
  </si>
  <si>
    <t>1118</t>
  </si>
  <si>
    <t>かさ高加工糸製造業</t>
  </si>
  <si>
    <t>1121</t>
  </si>
  <si>
    <t>綿・スフ織物業</t>
  </si>
  <si>
    <t>1122</t>
  </si>
  <si>
    <t>絹・人絹織物業</t>
  </si>
  <si>
    <t>1123</t>
  </si>
  <si>
    <t>毛織物業</t>
  </si>
  <si>
    <t>1125</t>
  </si>
  <si>
    <t>細幅織物業</t>
  </si>
  <si>
    <t>1129</t>
  </si>
  <si>
    <t>その他の織物業</t>
  </si>
  <si>
    <t>1141</t>
  </si>
  <si>
    <t>1142</t>
  </si>
  <si>
    <t>1144</t>
  </si>
  <si>
    <t>1145</t>
  </si>
  <si>
    <t>織物手加工染色整理業</t>
  </si>
  <si>
    <t>1146</t>
  </si>
  <si>
    <t>綿状繊維・糸染色整理業</t>
  </si>
  <si>
    <t>1147</t>
  </si>
  <si>
    <t>ニット・レース染色整理業</t>
  </si>
  <si>
    <t>1148</t>
  </si>
  <si>
    <t>繊維雑品染色整理業</t>
  </si>
  <si>
    <t>1152</t>
  </si>
  <si>
    <t>漁網製造業</t>
  </si>
  <si>
    <t>1154</t>
  </si>
  <si>
    <t>レース製造業</t>
  </si>
  <si>
    <t>1155</t>
  </si>
  <si>
    <t>組ひも製造業</t>
  </si>
  <si>
    <t>1157</t>
  </si>
  <si>
    <t>フェルト・不織布製造業</t>
  </si>
  <si>
    <t>1159</t>
  </si>
  <si>
    <t>その他の繊維粗製品製造業</t>
  </si>
  <si>
    <t>1161</t>
  </si>
  <si>
    <t>織物製成人男子・少年服製造業（不織布製及びレース製を含む）</t>
  </si>
  <si>
    <t>1162</t>
  </si>
  <si>
    <t>織物製成人女子・少女服製造業（不織布製及びレース製を含む）</t>
  </si>
  <si>
    <t>1163</t>
  </si>
  <si>
    <t>織物製乳幼児服製造業（不織布製及びレース製を含む）</t>
  </si>
  <si>
    <t>1164</t>
  </si>
  <si>
    <t>織物製シャツ製造業（不織布製及びレース製を含み、下着を除く）</t>
  </si>
  <si>
    <t>1165</t>
  </si>
  <si>
    <t>織物製事務用・作業用・衛生用・スポーツ用衣服・学校服製造業（不織布製及びレース製を含む）</t>
  </si>
  <si>
    <t>1171</t>
  </si>
  <si>
    <t>織物製下着製造業</t>
  </si>
  <si>
    <t>1172</t>
  </si>
  <si>
    <t>ニット製下着製造業</t>
  </si>
  <si>
    <t>1173</t>
  </si>
  <si>
    <t>織物製・ニット製寝着類製造業</t>
  </si>
  <si>
    <t>1174</t>
  </si>
  <si>
    <t>補整着製造業</t>
  </si>
  <si>
    <t>1181</t>
  </si>
  <si>
    <t>和装製品製造業（足袋を含む）</t>
  </si>
  <si>
    <t>1182</t>
  </si>
  <si>
    <t>ネクタイ製造業</t>
  </si>
  <si>
    <t>1183</t>
  </si>
  <si>
    <t>スカーフ・マフラー・ハンカチーフ製造業</t>
  </si>
  <si>
    <t>1184</t>
  </si>
  <si>
    <t>靴下製造業</t>
  </si>
  <si>
    <t>1185</t>
  </si>
  <si>
    <t>手袋製造業</t>
  </si>
  <si>
    <t>1189</t>
  </si>
  <si>
    <t>他に分類されない衣服・繊維製身の回り品製造業</t>
  </si>
  <si>
    <t>1191</t>
  </si>
  <si>
    <t>寝具製造業</t>
  </si>
  <si>
    <t>1192</t>
  </si>
  <si>
    <t>毛布製造業</t>
  </si>
  <si>
    <t>1193</t>
  </si>
  <si>
    <t>じゅうたん・その他の繊維製床敷物製造業</t>
  </si>
  <si>
    <t>1196</t>
  </si>
  <si>
    <t>刺しゅう業</t>
  </si>
  <si>
    <t>1197</t>
  </si>
  <si>
    <t>タオル製造業</t>
  </si>
  <si>
    <t>1198</t>
  </si>
  <si>
    <t>繊維製衛生材料製造業</t>
  </si>
  <si>
    <t>1199</t>
  </si>
  <si>
    <t>他に分類されない繊維製品製造業</t>
  </si>
  <si>
    <t>1211</t>
  </si>
  <si>
    <t>一般製材業</t>
  </si>
  <si>
    <t>1213</t>
  </si>
  <si>
    <t>木材チップ製造業</t>
  </si>
  <si>
    <t>1221</t>
  </si>
  <si>
    <t>造作材製造業（建具を除く）</t>
  </si>
  <si>
    <t>1224</t>
  </si>
  <si>
    <t>建築用木製組立材料製造業</t>
  </si>
  <si>
    <t>1225</t>
  </si>
  <si>
    <t>パーティクルボード製造業</t>
  </si>
  <si>
    <t>1226</t>
  </si>
  <si>
    <t>繊維板製造業</t>
  </si>
  <si>
    <t>1227</t>
  </si>
  <si>
    <t>銘木製造業</t>
  </si>
  <si>
    <t>1228</t>
  </si>
  <si>
    <t>床板製造業</t>
  </si>
  <si>
    <t>1291</t>
  </si>
  <si>
    <t>木材薬品処理業</t>
  </si>
  <si>
    <t>1292</t>
  </si>
  <si>
    <t>コルク加工基礎資材・コルク製品製造業</t>
  </si>
  <si>
    <t>1299</t>
  </si>
  <si>
    <t>1312</t>
  </si>
  <si>
    <t>金属製家具製造業</t>
  </si>
  <si>
    <t>1313</t>
  </si>
  <si>
    <t>マットレス・組スプリング製造業</t>
  </si>
  <si>
    <t>1391</t>
  </si>
  <si>
    <t>事務所用・店舗用装備品製造業</t>
  </si>
  <si>
    <t>1392</t>
  </si>
  <si>
    <t>1421</t>
  </si>
  <si>
    <t>洋紙製造業</t>
  </si>
  <si>
    <t>1624</t>
  </si>
  <si>
    <t>塩製造業</t>
  </si>
  <si>
    <t>1631</t>
  </si>
  <si>
    <t>石油化学系基礎製品製造業（一貫して生産される誘導品を含む）</t>
  </si>
  <si>
    <t>1633</t>
  </si>
  <si>
    <t>発酵工業</t>
  </si>
  <si>
    <t>1634</t>
  </si>
  <si>
    <t>環式中間物・合成染料・有機顔料製造業</t>
  </si>
  <si>
    <t>1636</t>
  </si>
  <si>
    <t>合成ゴム製造業</t>
  </si>
  <si>
    <t>1643</t>
  </si>
  <si>
    <t>1644</t>
  </si>
  <si>
    <t>塗料製造業</t>
  </si>
  <si>
    <t>1661</t>
  </si>
  <si>
    <t>1662</t>
  </si>
  <si>
    <t>頭髪用化粧品製造業</t>
  </si>
  <si>
    <t>1669</t>
  </si>
  <si>
    <t>その他の化粧品・歯磨・化粧用調整品製造業</t>
  </si>
  <si>
    <t>1721</t>
  </si>
  <si>
    <t>潤滑油・グリース製造業（石油精製業によらないもの）</t>
  </si>
  <si>
    <t>1811</t>
  </si>
  <si>
    <t>プラスチック板・棒製造業</t>
  </si>
  <si>
    <t>1814</t>
  </si>
  <si>
    <t>プラスチック異形押出製品製造業</t>
  </si>
  <si>
    <t>1823</t>
  </si>
  <si>
    <t>プラスチック床材製造業</t>
  </si>
  <si>
    <t>1824</t>
  </si>
  <si>
    <t>合成皮革製造業</t>
  </si>
  <si>
    <t>1831</t>
  </si>
  <si>
    <t>電気機械器具用プラスチック製品製造業（加工業を除く）</t>
  </si>
  <si>
    <t>1832</t>
  </si>
  <si>
    <t>輸送機械器具用プラスチック製品製造業（加工業を除く）</t>
  </si>
  <si>
    <t>1833</t>
  </si>
  <si>
    <t>その他の工業用プラスチック製品製造業（加工業を除く）</t>
  </si>
  <si>
    <t>1834</t>
  </si>
  <si>
    <t>工業用プラスチック製品加工業</t>
  </si>
  <si>
    <t>1841</t>
  </si>
  <si>
    <t>軟質プラスチック発泡製品製造業（半硬質性を含む）</t>
  </si>
  <si>
    <t>1843</t>
  </si>
  <si>
    <t>強化プラスチック製板・棒・管・継手製造業</t>
  </si>
  <si>
    <t>1844</t>
  </si>
  <si>
    <t>強化プラスチック製容器・浴槽等製造業</t>
  </si>
  <si>
    <t>1897</t>
  </si>
  <si>
    <t>他に分類されないプラスチック製品製造業</t>
  </si>
  <si>
    <t>1911</t>
  </si>
  <si>
    <t>自動車タイヤ・チューブ製造業</t>
  </si>
  <si>
    <t>1921</t>
  </si>
  <si>
    <t>ゴム製履物・同附属品製造業</t>
  </si>
  <si>
    <t>1922</t>
  </si>
  <si>
    <t>プラスチック製履物・同附属品製造業</t>
  </si>
  <si>
    <t>1932</t>
  </si>
  <si>
    <t>ゴムホース製造業</t>
  </si>
  <si>
    <t>1933</t>
  </si>
  <si>
    <t>工業用ゴム製品製造業</t>
  </si>
  <si>
    <t>1999</t>
  </si>
  <si>
    <t>他に分類されないゴム製品製造業</t>
  </si>
  <si>
    <t>2011</t>
  </si>
  <si>
    <t>なめし革製造業</t>
  </si>
  <si>
    <t>2021</t>
  </si>
  <si>
    <t>工業用革製品製造業（手袋を除く）</t>
  </si>
  <si>
    <t>2031</t>
  </si>
  <si>
    <t>革製履物用材料・同附属品製造業</t>
  </si>
  <si>
    <t>2041</t>
  </si>
  <si>
    <t>革製履物製造業</t>
  </si>
  <si>
    <t>2051</t>
  </si>
  <si>
    <t>革製手袋製造業</t>
  </si>
  <si>
    <t>2061</t>
  </si>
  <si>
    <t>かばん製造業</t>
  </si>
  <si>
    <t>2071</t>
  </si>
  <si>
    <t>袋物製造業（ハンドバッグを除く）</t>
  </si>
  <si>
    <t>2072</t>
  </si>
  <si>
    <t>ハンドバッグ製造業</t>
  </si>
  <si>
    <t>2081</t>
  </si>
  <si>
    <t>毛皮製造業</t>
  </si>
  <si>
    <t>2099</t>
  </si>
  <si>
    <t>その他のなめし革製品製造業</t>
  </si>
  <si>
    <t>2113</t>
  </si>
  <si>
    <t>ガラス製加工素材製造業</t>
  </si>
  <si>
    <t>2114</t>
  </si>
  <si>
    <t>ガラス容器製造業</t>
  </si>
  <si>
    <t>2115</t>
  </si>
  <si>
    <t>理化学用・医療用ガラス器具製造業</t>
  </si>
  <si>
    <t>2116</t>
  </si>
  <si>
    <t>卓上用・ちゅう房用ガラス器具製造業</t>
  </si>
  <si>
    <t>2121</t>
  </si>
  <si>
    <t>セメント製造業</t>
  </si>
  <si>
    <t>2131</t>
  </si>
  <si>
    <t>粘土かわら製造業</t>
  </si>
  <si>
    <t>2139</t>
  </si>
  <si>
    <t>その他の建設用粘土製品製造業</t>
  </si>
  <si>
    <t>2146</t>
  </si>
  <si>
    <t>陶磁器製タイル製造業</t>
  </si>
  <si>
    <t>2151</t>
  </si>
  <si>
    <t>耐火れんが製造業</t>
  </si>
  <si>
    <t>2152</t>
  </si>
  <si>
    <t>不定形耐火物製造業</t>
  </si>
  <si>
    <t>2159</t>
  </si>
  <si>
    <t>その他の耐火物製造業</t>
  </si>
  <si>
    <t>2181</t>
  </si>
  <si>
    <t>砕石製造業</t>
  </si>
  <si>
    <t>2182</t>
  </si>
  <si>
    <t>再生骨材製造業</t>
  </si>
  <si>
    <t>2184</t>
  </si>
  <si>
    <t>石工品製造業</t>
  </si>
  <si>
    <t>2185</t>
  </si>
  <si>
    <t>けいそう土・同製品製造業</t>
  </si>
  <si>
    <t>2186</t>
  </si>
  <si>
    <t>鉱物・土石粉砕等処理業</t>
  </si>
  <si>
    <t>2193</t>
  </si>
  <si>
    <t>石灰製造業</t>
  </si>
  <si>
    <t>2194</t>
  </si>
  <si>
    <t>鋳型製造業（中子を含む）</t>
  </si>
  <si>
    <t>2199</t>
  </si>
  <si>
    <t>他に分類されない窯業・土石製品製造業</t>
  </si>
  <si>
    <t>2234</t>
  </si>
  <si>
    <t>鋼管製造業</t>
  </si>
  <si>
    <t>2236</t>
  </si>
  <si>
    <t>磨棒鋼製造業</t>
  </si>
  <si>
    <t>2237</t>
  </si>
  <si>
    <t>引抜鋼管製造業</t>
  </si>
  <si>
    <t>2238</t>
  </si>
  <si>
    <t>伸線業</t>
  </si>
  <si>
    <t>2251</t>
  </si>
  <si>
    <t>2252</t>
  </si>
  <si>
    <t>可鍛鋳鉄製造業</t>
  </si>
  <si>
    <t>2253</t>
  </si>
  <si>
    <t>鋳鋼製造業</t>
  </si>
  <si>
    <t>2255</t>
  </si>
  <si>
    <t>鍛鋼製造業</t>
  </si>
  <si>
    <t>2291</t>
  </si>
  <si>
    <t>鉄鋼シャースリット業</t>
  </si>
  <si>
    <t>2293</t>
  </si>
  <si>
    <t>鋳鉄管製造業</t>
  </si>
  <si>
    <t>2351</t>
  </si>
  <si>
    <t>銅・同合金鋳物製造業（ダイカストを除く）</t>
  </si>
  <si>
    <t>2352</t>
  </si>
  <si>
    <t>非鉄金属鋳物製造業（銅・同合金鋳物及びダイカストを除く）</t>
  </si>
  <si>
    <t>2353</t>
  </si>
  <si>
    <t>アルミニウム・同合金ダイカスト製造業</t>
  </si>
  <si>
    <t>2354</t>
  </si>
  <si>
    <t>非鉄金属ダイカスト製造業（アルミニウム・同合金ダイカストを除く）</t>
  </si>
  <si>
    <t>2411</t>
  </si>
  <si>
    <t>ブリキ缶・その他のめっき板等製品製造業</t>
  </si>
  <si>
    <t>2421</t>
  </si>
  <si>
    <t>洋食器製造業</t>
  </si>
  <si>
    <t>2429</t>
  </si>
  <si>
    <t>その他の金物類製造業</t>
  </si>
  <si>
    <t>2439</t>
  </si>
  <si>
    <t>2443</t>
  </si>
  <si>
    <t>金属製サッシ・ドア製造業</t>
  </si>
  <si>
    <t>2446</t>
  </si>
  <si>
    <t>製缶板金業</t>
  </si>
  <si>
    <t>2451</t>
  </si>
  <si>
    <t>アルミニウム・同合金プレス製品製造業</t>
  </si>
  <si>
    <t>2452</t>
  </si>
  <si>
    <t>金属プレス製品製造業（アルミニウム・同合金を除く）</t>
  </si>
  <si>
    <t>2453</t>
  </si>
  <si>
    <t>粉末や金製品製造業</t>
  </si>
  <si>
    <t>2461</t>
  </si>
  <si>
    <t>金属製品塗装業</t>
  </si>
  <si>
    <t>2462</t>
  </si>
  <si>
    <t>溶融めっき業（表面処理鋼材製造業を除く）</t>
  </si>
  <si>
    <t>2479</t>
  </si>
  <si>
    <t>その他の金属線製品製造業</t>
  </si>
  <si>
    <t>2491</t>
  </si>
  <si>
    <t>金庫製造業</t>
  </si>
  <si>
    <t>2492</t>
  </si>
  <si>
    <t>金属製スプリング製造業</t>
  </si>
  <si>
    <t>2499</t>
  </si>
  <si>
    <t>他に分類されない金属製品製造業</t>
  </si>
  <si>
    <t>2513</t>
  </si>
  <si>
    <t>はん用内燃機関製造業</t>
  </si>
  <si>
    <t>2521</t>
  </si>
  <si>
    <t>ポンプ・同装置製造業</t>
  </si>
  <si>
    <t>2522</t>
  </si>
  <si>
    <t>空気圧縮機・ガス圧縮機・送風機製造業</t>
  </si>
  <si>
    <t>2532</t>
  </si>
  <si>
    <t>エレベータ・エスカレータ製造業</t>
  </si>
  <si>
    <t>2596</t>
  </si>
  <si>
    <t>他に分類されないはん用機械・装置製造業</t>
  </si>
  <si>
    <t>2631</t>
  </si>
  <si>
    <t>化学繊維機械・紡績機械製造業</t>
  </si>
  <si>
    <t>2633</t>
  </si>
  <si>
    <t>染色整理仕上機械製造業</t>
  </si>
  <si>
    <t>2642</t>
  </si>
  <si>
    <t>木材加工機械製造業</t>
  </si>
  <si>
    <t>2645</t>
  </si>
  <si>
    <t>包装・荷造機械製造業</t>
  </si>
  <si>
    <t>2651</t>
  </si>
  <si>
    <t>鋳造装置製造業</t>
  </si>
  <si>
    <t>2652</t>
  </si>
  <si>
    <t>化学機械・同装置製造業</t>
  </si>
  <si>
    <t>2653</t>
  </si>
  <si>
    <t>プラスチック加工機械・同附属装置製造業</t>
  </si>
  <si>
    <t>2661</t>
  </si>
  <si>
    <t>金属工作機械製造業</t>
  </si>
  <si>
    <t>2662</t>
  </si>
  <si>
    <t>金属加工機械製造業（金属工作機械を除く）</t>
  </si>
  <si>
    <t>2663</t>
  </si>
  <si>
    <t>2672</t>
  </si>
  <si>
    <t>フラットパネルディスプレイ製造装置製造業</t>
  </si>
  <si>
    <t>2691</t>
  </si>
  <si>
    <t>金属用金型・同部分品・附属品製造業</t>
  </si>
  <si>
    <t>2693</t>
  </si>
  <si>
    <t>真空装置・真空機器製造業</t>
  </si>
  <si>
    <t>2694</t>
  </si>
  <si>
    <t>ロボット製造業</t>
  </si>
  <si>
    <t>2721</t>
  </si>
  <si>
    <t>サービス用機械器具製造業</t>
  </si>
  <si>
    <t>2722</t>
  </si>
  <si>
    <t>娯楽用機械製造業</t>
  </si>
  <si>
    <t>2731</t>
  </si>
  <si>
    <t>体積計製造業</t>
  </si>
  <si>
    <t>2732</t>
  </si>
  <si>
    <t>はかり製造業</t>
  </si>
  <si>
    <t>2737</t>
  </si>
  <si>
    <t>測量機械器具製造業</t>
  </si>
  <si>
    <t>2743</t>
  </si>
  <si>
    <t>医療用品製造業（動物用医療機械器具を含む）</t>
  </si>
  <si>
    <t>2815</t>
  </si>
  <si>
    <t>液晶パネル・フラットパネル製造業</t>
  </si>
  <si>
    <t>2842</t>
  </si>
  <si>
    <t>電子回路実装基板製造業</t>
  </si>
  <si>
    <t>2912</t>
  </si>
  <si>
    <t>2914</t>
  </si>
  <si>
    <t>配電盤・電力制御装置製造業</t>
  </si>
  <si>
    <t>2921</t>
  </si>
  <si>
    <t>電気溶接機製造業</t>
  </si>
  <si>
    <t>2922</t>
  </si>
  <si>
    <t>内燃機関電装品製造業</t>
  </si>
  <si>
    <t>2939</t>
  </si>
  <si>
    <t>その他の民生用電気機械器具製造業</t>
  </si>
  <si>
    <t>2941</t>
  </si>
  <si>
    <t>電球製造業</t>
  </si>
  <si>
    <t>2973</t>
  </si>
  <si>
    <t>医療用計測器製造業</t>
  </si>
  <si>
    <t>3012</t>
  </si>
  <si>
    <t>携帯電話機・ＰＨＳ電話機製造業</t>
  </si>
  <si>
    <t>3013</t>
  </si>
  <si>
    <t>無線通信機械器具製造業</t>
  </si>
  <si>
    <t>3014</t>
  </si>
  <si>
    <t>ラジオ受信機・テレビジョン受信機製造業</t>
  </si>
  <si>
    <t>3021</t>
  </si>
  <si>
    <t>ビデオ機器製造業</t>
  </si>
  <si>
    <t>3023</t>
  </si>
  <si>
    <t>電気音響機械器具製造業</t>
  </si>
  <si>
    <t>3031</t>
  </si>
  <si>
    <t>電子計算機製造業（パーソナルコンピュータを除く）</t>
  </si>
  <si>
    <t>3032</t>
  </si>
  <si>
    <t>パーソナルコンピュータ製造業</t>
  </si>
  <si>
    <t>3111</t>
  </si>
  <si>
    <t>自動車製造業（二輪自動車を含む）</t>
  </si>
  <si>
    <t>3112</t>
  </si>
  <si>
    <t>自動車車体・附随車製造業</t>
  </si>
  <si>
    <t>3113</t>
  </si>
  <si>
    <t>自動車部分品・附属品製造業</t>
  </si>
  <si>
    <t>3131</t>
  </si>
  <si>
    <t>船舶製造・修理業</t>
  </si>
  <si>
    <t>3132</t>
  </si>
  <si>
    <t>船体ブロック製造業</t>
  </si>
  <si>
    <t>3141</t>
  </si>
  <si>
    <t>航空機製造業</t>
  </si>
  <si>
    <t>3142</t>
  </si>
  <si>
    <t>航空機用原動機製造業</t>
  </si>
  <si>
    <t>3149</t>
  </si>
  <si>
    <t>その他の航空機部分品・補助装置製造業</t>
  </si>
  <si>
    <t>3151</t>
  </si>
  <si>
    <t>フォークリフトトラック・同部分品・附属品製造業</t>
  </si>
  <si>
    <t>3159</t>
  </si>
  <si>
    <t>その他の産業用運搬車両・同部分品・附属品製造業</t>
  </si>
  <si>
    <t>3191</t>
  </si>
  <si>
    <t>自転車・同部分品製造業</t>
  </si>
  <si>
    <t>3222</t>
  </si>
  <si>
    <t>造花・装飾用羽毛製造業</t>
  </si>
  <si>
    <t>3223</t>
  </si>
  <si>
    <t>ボタン製造業</t>
  </si>
  <si>
    <t>3224</t>
  </si>
  <si>
    <t>針・ピン・ホック・スナップ・同関連品製造業</t>
  </si>
  <si>
    <t>3229</t>
  </si>
  <si>
    <t>その他の装身具・装飾品製造業</t>
  </si>
  <si>
    <t>3249</t>
  </si>
  <si>
    <t>その他の楽器・楽器部品・同材料製造業</t>
  </si>
  <si>
    <t>3251</t>
  </si>
  <si>
    <t>娯楽用具・がん具製造業（人形を除く）</t>
  </si>
  <si>
    <t>3252</t>
  </si>
  <si>
    <t>人形製造業</t>
  </si>
  <si>
    <t>3253</t>
  </si>
  <si>
    <t>運動用具製造業</t>
  </si>
  <si>
    <t>3261</t>
  </si>
  <si>
    <t>万年筆・ペン類・鉛筆製造業</t>
  </si>
  <si>
    <t>3262</t>
  </si>
  <si>
    <t>毛筆・絵画用品製造業（鉛筆を除く）</t>
  </si>
  <si>
    <t>3269</t>
  </si>
  <si>
    <t>その他の事務用品製造業</t>
  </si>
  <si>
    <t>3271</t>
  </si>
  <si>
    <t>漆器製造業</t>
  </si>
  <si>
    <t>3281</t>
  </si>
  <si>
    <t>麦わら・パナマ類帽子・わら工品製造業</t>
  </si>
  <si>
    <t>3289</t>
  </si>
  <si>
    <t>その他の生活雑貨製品製造業</t>
  </si>
  <si>
    <t>3291</t>
  </si>
  <si>
    <t>煙火製造業</t>
  </si>
  <si>
    <t>3292</t>
  </si>
  <si>
    <t>看板・標識機製造業</t>
  </si>
  <si>
    <t>3294</t>
  </si>
  <si>
    <t>モデル・模型製造業</t>
  </si>
  <si>
    <t>3295</t>
  </si>
  <si>
    <t>工業用模型製造業</t>
  </si>
  <si>
    <t>3296</t>
  </si>
  <si>
    <t>3299</t>
  </si>
  <si>
    <t>他に分類されないその他の製造業</t>
  </si>
  <si>
    <t>3731</t>
  </si>
  <si>
    <t>電気通信に附帯するサービス業</t>
  </si>
  <si>
    <t>3822</t>
  </si>
  <si>
    <t>ラジオ放送業（衛星放送業を除く）</t>
  </si>
  <si>
    <t>3914</t>
  </si>
  <si>
    <t>ゲームソフトウェア業</t>
  </si>
  <si>
    <t>3923</t>
  </si>
  <si>
    <t>市場調査・世論調査・社会調査業</t>
  </si>
  <si>
    <t>4111</t>
  </si>
  <si>
    <t>4112</t>
  </si>
  <si>
    <t>テレビジョン番組制作業（アニメーション制作業を除く）</t>
  </si>
  <si>
    <t>4114</t>
  </si>
  <si>
    <t>映画・ビデオ・テレビジョン番組配給業</t>
  </si>
  <si>
    <t>4121</t>
  </si>
  <si>
    <t>レコード制作業</t>
  </si>
  <si>
    <t>4122</t>
  </si>
  <si>
    <t>ラジオ番組制作業</t>
  </si>
  <si>
    <t>4131</t>
  </si>
  <si>
    <t>新聞業</t>
  </si>
  <si>
    <t>4141</t>
  </si>
  <si>
    <t>出版業</t>
  </si>
  <si>
    <t>4151</t>
  </si>
  <si>
    <t>広告制作業</t>
  </si>
  <si>
    <t>4161</t>
  </si>
  <si>
    <t>ニュース供給業</t>
  </si>
  <si>
    <t>4169</t>
  </si>
  <si>
    <t>その他の映像・音声・文字情報制作に附帯するサービス業</t>
  </si>
  <si>
    <t>4211</t>
  </si>
  <si>
    <t>普通鉄道業</t>
  </si>
  <si>
    <t>4212</t>
  </si>
  <si>
    <t>軌道業</t>
  </si>
  <si>
    <t>4214</t>
  </si>
  <si>
    <t>モノレール鉄道業（地下鉄道業を除く）</t>
  </si>
  <si>
    <t>4216</t>
  </si>
  <si>
    <t>鋼索鉄道業</t>
  </si>
  <si>
    <t>4217</t>
  </si>
  <si>
    <t>索道業</t>
  </si>
  <si>
    <t>4219</t>
  </si>
  <si>
    <t>その他の鉄道業</t>
  </si>
  <si>
    <t>4311</t>
  </si>
  <si>
    <t>一般乗合旅客自動車運送業</t>
  </si>
  <si>
    <t>4321</t>
  </si>
  <si>
    <t>一般乗用旅客自動車運送業</t>
  </si>
  <si>
    <t>4331</t>
  </si>
  <si>
    <t>一般貸切旅客自動車運送業</t>
  </si>
  <si>
    <t>4411</t>
  </si>
  <si>
    <t>一般貨物自動車運送業（特別積合せ貨物運送業を除く）</t>
  </si>
  <si>
    <t>4412</t>
  </si>
  <si>
    <t>特別積合せ貨物運送業</t>
  </si>
  <si>
    <t>4421</t>
  </si>
  <si>
    <t>特定貨物自動車運送業</t>
  </si>
  <si>
    <t>4431</t>
  </si>
  <si>
    <t>貨物軽自動車運送業</t>
  </si>
  <si>
    <t>4441</t>
  </si>
  <si>
    <t>集配利用運送業</t>
  </si>
  <si>
    <t>4511</t>
  </si>
  <si>
    <t>外航旅客海運業</t>
  </si>
  <si>
    <t>4512</t>
  </si>
  <si>
    <t>外航貨物海運業</t>
  </si>
  <si>
    <t>4521</t>
  </si>
  <si>
    <t>沿海旅客海運業</t>
  </si>
  <si>
    <t>4522</t>
  </si>
  <si>
    <t>沿海貨物海運業</t>
  </si>
  <si>
    <t>4531</t>
  </si>
  <si>
    <t>港湾旅客海運業</t>
  </si>
  <si>
    <t>4532</t>
  </si>
  <si>
    <t>河川水運業</t>
  </si>
  <si>
    <t>4533</t>
  </si>
  <si>
    <t>湖沼水運業</t>
  </si>
  <si>
    <t>4542</t>
  </si>
  <si>
    <t>内航船舶貸渡業</t>
  </si>
  <si>
    <t>4611</t>
  </si>
  <si>
    <t>航空運送業</t>
  </si>
  <si>
    <t>4711</t>
  </si>
  <si>
    <t>倉庫業（冷蔵倉庫業を除く）</t>
  </si>
  <si>
    <t>4821</t>
  </si>
  <si>
    <t>利用運送業（集配利用運送業を除く）</t>
  </si>
  <si>
    <t>4831</t>
  </si>
  <si>
    <t>運送代理店</t>
  </si>
  <si>
    <t>4851</t>
  </si>
  <si>
    <t>鉄道施設提供業</t>
  </si>
  <si>
    <t>4852</t>
  </si>
  <si>
    <t>道路運送固定施設業</t>
  </si>
  <si>
    <t>4856</t>
  </si>
  <si>
    <t>飛行場業</t>
  </si>
  <si>
    <t>4891</t>
  </si>
  <si>
    <t>海運仲立業</t>
  </si>
  <si>
    <t>4899</t>
  </si>
  <si>
    <t>他に分類されない運輸に附帯するサービス業</t>
  </si>
  <si>
    <t>5011</t>
  </si>
  <si>
    <t>各種商品卸売業（従業者が常時100人以上のもの）</t>
  </si>
  <si>
    <t>5019</t>
  </si>
  <si>
    <t>その他の各種商品卸売業</t>
  </si>
  <si>
    <t>5111</t>
  </si>
  <si>
    <t>繊維原料卸売業</t>
  </si>
  <si>
    <t>5112</t>
  </si>
  <si>
    <t>糸卸売業</t>
  </si>
  <si>
    <t>5113</t>
  </si>
  <si>
    <t>織物卸売業（室内装飾繊維品を除く）</t>
  </si>
  <si>
    <t>5121</t>
  </si>
  <si>
    <t>男子服卸売業</t>
  </si>
  <si>
    <t>5122</t>
  </si>
  <si>
    <t>婦人・子供服卸売業</t>
  </si>
  <si>
    <t>5123</t>
  </si>
  <si>
    <t>下着類卸売業</t>
  </si>
  <si>
    <t>5131</t>
  </si>
  <si>
    <t>寝具類卸売業</t>
  </si>
  <si>
    <t>5132</t>
  </si>
  <si>
    <t>靴・履物卸売業</t>
  </si>
  <si>
    <t>5133</t>
  </si>
  <si>
    <t>かばん・袋物卸売業</t>
  </si>
  <si>
    <t>5139</t>
  </si>
  <si>
    <t>その他の身の回り品卸売業</t>
  </si>
  <si>
    <t>5211</t>
  </si>
  <si>
    <t>米麦卸売業</t>
  </si>
  <si>
    <t>5213</t>
  </si>
  <si>
    <t>野菜卸売業</t>
  </si>
  <si>
    <t>5215</t>
  </si>
  <si>
    <t>食肉卸売業</t>
  </si>
  <si>
    <t>5216</t>
  </si>
  <si>
    <t>生鮮魚介卸売業</t>
  </si>
  <si>
    <t>5219</t>
  </si>
  <si>
    <t>その他の農畜産物・水産物卸売業</t>
  </si>
  <si>
    <t>5221</t>
  </si>
  <si>
    <t>砂糖・味そ・しょう油卸売業</t>
  </si>
  <si>
    <t>5222</t>
  </si>
  <si>
    <t>酒類卸売業</t>
  </si>
  <si>
    <t>5223</t>
  </si>
  <si>
    <t>乾物卸売業</t>
  </si>
  <si>
    <t>5224</t>
  </si>
  <si>
    <t>菓子・パン類卸売業</t>
  </si>
  <si>
    <t>5225</t>
  </si>
  <si>
    <t>5226</t>
  </si>
  <si>
    <t>茶類卸売業</t>
  </si>
  <si>
    <t>5229</t>
  </si>
  <si>
    <t>その他の食料・飲料卸売業</t>
  </si>
  <si>
    <t>5312</t>
  </si>
  <si>
    <t>セメント卸売業</t>
  </si>
  <si>
    <t>5321</t>
  </si>
  <si>
    <t>塗料卸売業</t>
  </si>
  <si>
    <t>5329</t>
  </si>
  <si>
    <t>その他の化学製品卸売業</t>
  </si>
  <si>
    <t>5331</t>
  </si>
  <si>
    <t>石油卸売業</t>
  </si>
  <si>
    <t>5411</t>
  </si>
  <si>
    <t>農業用機械器具卸売業</t>
  </si>
  <si>
    <t>5413</t>
  </si>
  <si>
    <t>金属加工機械卸売業</t>
  </si>
  <si>
    <t>5419</t>
  </si>
  <si>
    <t>その他の産業機械器具卸売業</t>
  </si>
  <si>
    <t>5421</t>
  </si>
  <si>
    <t>自動車卸売業（二輪自動車を含む）</t>
  </si>
  <si>
    <t>5422</t>
  </si>
  <si>
    <t>自動車部分品・附属品卸売業（中古品を除く）</t>
  </si>
  <si>
    <t>5491</t>
  </si>
  <si>
    <t>輸送用機械器具卸売業（自動車を除く）</t>
  </si>
  <si>
    <t>5492</t>
  </si>
  <si>
    <t>計量器・理化学機械器具・光学機械器具等卸売業</t>
  </si>
  <si>
    <t>5514</t>
  </si>
  <si>
    <t>室内装飾繊維品卸売業</t>
  </si>
  <si>
    <t>5523</t>
  </si>
  <si>
    <t>化粧品卸売業</t>
  </si>
  <si>
    <t>5531</t>
  </si>
  <si>
    <t>紙卸売業</t>
  </si>
  <si>
    <t>5593</t>
  </si>
  <si>
    <t>スポーツ用品卸売業</t>
  </si>
  <si>
    <t>5594</t>
  </si>
  <si>
    <t>娯楽用品・がん具卸売業</t>
  </si>
  <si>
    <t>5595</t>
  </si>
  <si>
    <t>たばこ卸売業</t>
  </si>
  <si>
    <t>5597</t>
  </si>
  <si>
    <t>書籍・雑誌卸売業</t>
  </si>
  <si>
    <t>5599</t>
  </si>
  <si>
    <t>他に分類されないその他の卸売業</t>
  </si>
  <si>
    <t>5611</t>
  </si>
  <si>
    <t>5699</t>
  </si>
  <si>
    <t>その他の各種商品小売業（従業者が常時50人未満のもの）</t>
  </si>
  <si>
    <t>5712</t>
  </si>
  <si>
    <t>寝具小売業</t>
  </si>
  <si>
    <t>5721</t>
  </si>
  <si>
    <t>男子服小売業</t>
  </si>
  <si>
    <t>5731</t>
  </si>
  <si>
    <t>婦人服小売業</t>
  </si>
  <si>
    <t>5732</t>
  </si>
  <si>
    <t>子供服小売業</t>
  </si>
  <si>
    <t>5741</t>
  </si>
  <si>
    <t>靴小売業</t>
  </si>
  <si>
    <t>5742</t>
  </si>
  <si>
    <t>履物小売業（靴を除く）</t>
  </si>
  <si>
    <t>5791</t>
  </si>
  <si>
    <t>かばん・袋物小売業</t>
  </si>
  <si>
    <t>5792</t>
  </si>
  <si>
    <t>下着類小売業</t>
  </si>
  <si>
    <t>5793</t>
  </si>
  <si>
    <t>洋品雑貨・小間物小売業</t>
  </si>
  <si>
    <t>5799</t>
  </si>
  <si>
    <t>他に分類されない織物・衣服・身の回り品小売業</t>
  </si>
  <si>
    <t>5821</t>
  </si>
  <si>
    <t>野菜小売業</t>
  </si>
  <si>
    <t>5831</t>
  </si>
  <si>
    <t>5841</t>
  </si>
  <si>
    <t>鮮魚小売業</t>
  </si>
  <si>
    <t>5851</t>
  </si>
  <si>
    <t>酒小売業</t>
  </si>
  <si>
    <t>5861</t>
  </si>
  <si>
    <t>菓子小売業（製造小売）</t>
  </si>
  <si>
    <t>5862</t>
  </si>
  <si>
    <t>菓子小売業（製造小売でないもの）</t>
  </si>
  <si>
    <t>5863</t>
  </si>
  <si>
    <t>パン小売業（製造小売）</t>
  </si>
  <si>
    <t>5864</t>
  </si>
  <si>
    <t>パン小売業（製造小売でないもの）</t>
  </si>
  <si>
    <t>5891</t>
  </si>
  <si>
    <t>コンビニエンスストア（飲食料品を中心とするものに限る）</t>
  </si>
  <si>
    <t>5894</t>
  </si>
  <si>
    <t>茶類小売業</t>
  </si>
  <si>
    <t>5898</t>
  </si>
  <si>
    <t>乾物小売業</t>
  </si>
  <si>
    <t>5911</t>
  </si>
  <si>
    <t>自動車（新車）小売業</t>
  </si>
  <si>
    <t>5912</t>
  </si>
  <si>
    <t>中古自動車小売業</t>
  </si>
  <si>
    <t>5914</t>
  </si>
  <si>
    <t>二輪自動車小売業（原動機付自転車を含む）</t>
  </si>
  <si>
    <t>5921</t>
  </si>
  <si>
    <t>自転車小売業</t>
  </si>
  <si>
    <t>6031</t>
  </si>
  <si>
    <t>ドラッグストア</t>
  </si>
  <si>
    <t>6032</t>
  </si>
  <si>
    <t>医薬品小売業（調剤薬局を除く）</t>
  </si>
  <si>
    <t>6033</t>
  </si>
  <si>
    <t>調剤薬局</t>
  </si>
  <si>
    <t>6034</t>
  </si>
  <si>
    <t>化粧品小売業</t>
  </si>
  <si>
    <t>6041</t>
  </si>
  <si>
    <t>農業用機械器具小売業</t>
  </si>
  <si>
    <t>6051</t>
  </si>
  <si>
    <t>ガソリンスタンド</t>
  </si>
  <si>
    <t>6052</t>
  </si>
  <si>
    <t>燃料小売業（ガソリンスタンドを除く）</t>
  </si>
  <si>
    <t>6061</t>
  </si>
  <si>
    <t>書籍・雑誌小売業（古本を除く）</t>
  </si>
  <si>
    <t>6063</t>
  </si>
  <si>
    <t>新聞小売業</t>
  </si>
  <si>
    <t>6071</t>
  </si>
  <si>
    <t>スポーツ用品小売業</t>
  </si>
  <si>
    <t>6072</t>
  </si>
  <si>
    <t>がん具・娯楽用品小売業</t>
  </si>
  <si>
    <t>6073</t>
  </si>
  <si>
    <t>楽器小売業</t>
  </si>
  <si>
    <t>6082</t>
  </si>
  <si>
    <t>時計・眼鏡・光学機械小売業</t>
  </si>
  <si>
    <t>6092</t>
  </si>
  <si>
    <t>たばこ・喫煙具専門小売業</t>
  </si>
  <si>
    <t>6099</t>
  </si>
  <si>
    <t>他に分類されないその他の小売業</t>
  </si>
  <si>
    <t>6811</t>
  </si>
  <si>
    <t>建物売買業</t>
  </si>
  <si>
    <t>6911</t>
  </si>
  <si>
    <t>貸事務所業</t>
  </si>
  <si>
    <t>6919</t>
  </si>
  <si>
    <t>その他の不動産賃貸業</t>
  </si>
  <si>
    <t>7019</t>
  </si>
  <si>
    <t>その他の各種物品賃貸業</t>
  </si>
  <si>
    <t>7021</t>
  </si>
  <si>
    <t>産業用機械器具賃貸業（建設機械器具を除く）</t>
  </si>
  <si>
    <t>7041</t>
  </si>
  <si>
    <t>自動車賃貸業</t>
  </si>
  <si>
    <t>7051</t>
  </si>
  <si>
    <t>スポーツ・娯楽用品賃貸業</t>
  </si>
  <si>
    <t>7091</t>
  </si>
  <si>
    <t>映画・演劇用品賃貸業</t>
  </si>
  <si>
    <t>7092</t>
  </si>
  <si>
    <t>7099</t>
  </si>
  <si>
    <t>他に分類されない物品賃貸業</t>
  </si>
  <si>
    <t>7261</t>
  </si>
  <si>
    <t>デザイン業</t>
  </si>
  <si>
    <t>7272</t>
  </si>
  <si>
    <t>芸術家業</t>
  </si>
  <si>
    <t>7292</t>
  </si>
  <si>
    <t>翻訳業（著述家業を除く）</t>
  </si>
  <si>
    <t>7293</t>
  </si>
  <si>
    <t>7311</t>
  </si>
  <si>
    <t>広告業</t>
  </si>
  <si>
    <t>7421</t>
  </si>
  <si>
    <t>建築設計業</t>
  </si>
  <si>
    <t>7461</t>
  </si>
  <si>
    <t>写真業（商業写真業を除く）</t>
  </si>
  <si>
    <t>7462</t>
  </si>
  <si>
    <t>商業写真業</t>
  </si>
  <si>
    <t>7511</t>
  </si>
  <si>
    <t>7521</t>
  </si>
  <si>
    <t>簡易宿所</t>
  </si>
  <si>
    <t>7531</t>
  </si>
  <si>
    <t>下宿業</t>
  </si>
  <si>
    <t>7592</t>
  </si>
  <si>
    <t>リゾートクラブ</t>
  </si>
  <si>
    <t>7599</t>
  </si>
  <si>
    <t>他に分類されない宿泊業</t>
  </si>
  <si>
    <t>7611</t>
  </si>
  <si>
    <t>7621</t>
  </si>
  <si>
    <t>7622</t>
  </si>
  <si>
    <t>料亭</t>
  </si>
  <si>
    <t>7623</t>
  </si>
  <si>
    <t>中華料理店</t>
  </si>
  <si>
    <t>7624</t>
  </si>
  <si>
    <t>ラーメン店</t>
  </si>
  <si>
    <t>7629</t>
  </si>
  <si>
    <t>その他の専門料理店</t>
  </si>
  <si>
    <t>7631</t>
  </si>
  <si>
    <t>そば・うどん店</t>
  </si>
  <si>
    <t>7641</t>
  </si>
  <si>
    <t>すし店</t>
  </si>
  <si>
    <t>7651</t>
  </si>
  <si>
    <t>7661</t>
  </si>
  <si>
    <t>7671</t>
  </si>
  <si>
    <t>喫茶店</t>
  </si>
  <si>
    <t>7691</t>
  </si>
  <si>
    <t>ハンバーガー店</t>
  </si>
  <si>
    <t>7692</t>
  </si>
  <si>
    <t>7699</t>
  </si>
  <si>
    <t>他に分類されない飲食店</t>
  </si>
  <si>
    <t>7711</t>
  </si>
  <si>
    <t>持ち帰り飲食サービス業</t>
  </si>
  <si>
    <t>7721</t>
  </si>
  <si>
    <t>配達飲食サービス業</t>
  </si>
  <si>
    <t>7811</t>
  </si>
  <si>
    <t>普通洗濯業</t>
  </si>
  <si>
    <t>7812</t>
  </si>
  <si>
    <t>洗濯物取次業</t>
  </si>
  <si>
    <t>7813</t>
  </si>
  <si>
    <t>リネンサプライ業</t>
  </si>
  <si>
    <t>7821</t>
  </si>
  <si>
    <t>理容業</t>
  </si>
  <si>
    <t>7831</t>
  </si>
  <si>
    <t>美容業</t>
  </si>
  <si>
    <t>7841</t>
  </si>
  <si>
    <t>一般公衆浴場業</t>
  </si>
  <si>
    <t>7851</t>
  </si>
  <si>
    <t>その他の公衆浴場業</t>
  </si>
  <si>
    <t>7891</t>
  </si>
  <si>
    <t>洗張・染物業</t>
  </si>
  <si>
    <t>7893</t>
  </si>
  <si>
    <t>リラクゼーション業（手技を用いるもの）</t>
  </si>
  <si>
    <t>7894</t>
  </si>
  <si>
    <t>ネイルサービス業</t>
  </si>
  <si>
    <t>7899</t>
  </si>
  <si>
    <t>他に分類されない洗濯・理容・美容・浴場業</t>
  </si>
  <si>
    <t>7911</t>
  </si>
  <si>
    <t>7912</t>
  </si>
  <si>
    <t>旅行業者代理業</t>
  </si>
  <si>
    <t>7951</t>
  </si>
  <si>
    <t>火葬業</t>
  </si>
  <si>
    <t>7952</t>
  </si>
  <si>
    <t>墓地管理業</t>
  </si>
  <si>
    <t>7961</t>
  </si>
  <si>
    <t>葬儀業</t>
  </si>
  <si>
    <t>7963</t>
  </si>
  <si>
    <t>冠婚葬祭互助会</t>
  </si>
  <si>
    <t>7992</t>
  </si>
  <si>
    <t>7993</t>
  </si>
  <si>
    <t>7999</t>
  </si>
  <si>
    <t>8011</t>
  </si>
  <si>
    <t>映画館</t>
  </si>
  <si>
    <t>8021</t>
  </si>
  <si>
    <t>劇場</t>
  </si>
  <si>
    <t>8022</t>
  </si>
  <si>
    <t>興行場</t>
  </si>
  <si>
    <t>8023</t>
  </si>
  <si>
    <t>劇団</t>
  </si>
  <si>
    <t>8024</t>
  </si>
  <si>
    <t>8025</t>
  </si>
  <si>
    <t>演芸・スポーツ等興行団</t>
  </si>
  <si>
    <t>8031</t>
  </si>
  <si>
    <t>8033</t>
  </si>
  <si>
    <t>8034</t>
  </si>
  <si>
    <t>8036</t>
  </si>
  <si>
    <t>8048</t>
  </si>
  <si>
    <t>フィットネスクラブ</t>
  </si>
  <si>
    <t>8052</t>
  </si>
  <si>
    <t>遊園地（テーマパークを除く）</t>
  </si>
  <si>
    <t>8053</t>
  </si>
  <si>
    <t>テーマパーク</t>
  </si>
  <si>
    <t>8062</t>
  </si>
  <si>
    <t>囲碁・将棋所</t>
  </si>
  <si>
    <t>8063</t>
  </si>
  <si>
    <t>マージャンクラブ</t>
  </si>
  <si>
    <t>8064</t>
  </si>
  <si>
    <t>8065</t>
  </si>
  <si>
    <t>8092</t>
  </si>
  <si>
    <t>マリーナ業</t>
  </si>
  <si>
    <t>8093</t>
  </si>
  <si>
    <t>遊漁船業</t>
  </si>
  <si>
    <t>8094</t>
  </si>
  <si>
    <t>8095</t>
  </si>
  <si>
    <t>カラオケボックス業</t>
  </si>
  <si>
    <t>8096</t>
  </si>
  <si>
    <t>8099</t>
  </si>
  <si>
    <t>他に分類されない娯楽業</t>
  </si>
  <si>
    <t>8213</t>
  </si>
  <si>
    <t>8214</t>
  </si>
  <si>
    <t>8242</t>
  </si>
  <si>
    <t>書道教授業</t>
  </si>
  <si>
    <t>8243</t>
  </si>
  <si>
    <t>生花・茶道教授業</t>
  </si>
  <si>
    <t>8245</t>
  </si>
  <si>
    <t>外国語会話教授業</t>
  </si>
  <si>
    <t>8311</t>
  </si>
  <si>
    <t>一般病院</t>
  </si>
  <si>
    <t>8312</t>
  </si>
  <si>
    <t>精神科病院</t>
  </si>
  <si>
    <t>8321</t>
  </si>
  <si>
    <t>有床診療所</t>
  </si>
  <si>
    <t>8322</t>
  </si>
  <si>
    <t>無床診療所</t>
  </si>
  <si>
    <t>8351</t>
  </si>
  <si>
    <t>あん摩マッサージ指圧師・はり師・きゅう師・柔道整復師の施術所</t>
  </si>
  <si>
    <t>8359</t>
  </si>
  <si>
    <t>その他の療術業</t>
  </si>
  <si>
    <t>8361</t>
  </si>
  <si>
    <t>歯科技工所</t>
  </si>
  <si>
    <t>8539</t>
  </si>
  <si>
    <t>その他の児童福祉事業</t>
  </si>
  <si>
    <t>8543</t>
  </si>
  <si>
    <t>通所・短期入所介護事業</t>
  </si>
  <si>
    <t>8549</t>
  </si>
  <si>
    <t>その他の老人福祉・介護事業</t>
  </si>
  <si>
    <t>8812</t>
  </si>
  <si>
    <t>し尿処分業</t>
  </si>
  <si>
    <t>8911</t>
  </si>
  <si>
    <t>自動車一般整備業</t>
  </si>
  <si>
    <t>8919</t>
  </si>
  <si>
    <t>その他の自動車整備業</t>
  </si>
  <si>
    <t>9031</t>
  </si>
  <si>
    <t>表具業</t>
  </si>
  <si>
    <t>9092</t>
  </si>
  <si>
    <t>時計修理業</t>
  </si>
  <si>
    <t>9093</t>
  </si>
  <si>
    <t>履物修理業</t>
  </si>
  <si>
    <t>9111</t>
  </si>
  <si>
    <t>9121</t>
  </si>
  <si>
    <t>労働者派遣業</t>
  </si>
  <si>
    <t>9231</t>
  </si>
  <si>
    <t>警備業</t>
  </si>
  <si>
    <t>9291</t>
  </si>
  <si>
    <t>ディスプレイ業</t>
  </si>
  <si>
    <t>9299</t>
  </si>
  <si>
    <t>9511</t>
  </si>
  <si>
    <t>集会場</t>
  </si>
  <si>
    <t>窓用・扉用日よけ、日本びょうぶ等製造業</t>
  </si>
  <si>
    <t>界面活性剤製造業（石けん、合成洗剤を除く）</t>
  </si>
  <si>
    <t>仕上用・皮膚用化粧品製造業（香水、オーデコロンを含む）</t>
  </si>
  <si>
    <t>銑鉄鋳物製造業（鋳鉄管、可鍛鋳鉄を除く）</t>
  </si>
  <si>
    <t>その他の暖房・調理装置製造業（電気機械器具、ガス機器、石油機器を除く）</t>
  </si>
  <si>
    <t>金属工作機械用・金属加工機械用部分品・附属品製造業（機械工具、金型を除く）</t>
  </si>
  <si>
    <t>情報記録物製造業（新聞、書籍等の印刷物を除く）</t>
  </si>
  <si>
    <t>映画・ビデオ制作業（テレビジョン番組制作業、アニメーション制作業を除く）</t>
  </si>
  <si>
    <t>百貨店、総合スーパー</t>
  </si>
  <si>
    <t>食肉小売業（卵、鳥肉を除く）</t>
  </si>
  <si>
    <t>通訳業、通訳案内業</t>
  </si>
  <si>
    <t>旅館、ホテル</t>
  </si>
  <si>
    <t>食堂、レストラン（専門料理店を除く）</t>
  </si>
  <si>
    <t>酒場、ビヤホール</t>
  </si>
  <si>
    <t>バー、キャバレー、ナイトクラブ</t>
  </si>
  <si>
    <t>お好み焼・焼きそば・たこ焼店</t>
  </si>
  <si>
    <t>結婚相談業、結婚式場紹介業</t>
  </si>
  <si>
    <t>楽団、舞踏団</t>
  </si>
  <si>
    <t>博物館、美術館</t>
  </si>
  <si>
    <t>動物園、植物園、水族館</t>
  </si>
  <si>
    <t>他に分類されないその他の事業サービス業（集金業、取立業（公共料金又はこれに準ずるものに係るものを除く）を除く）</t>
  </si>
  <si>
    <t>※１：この表に掲げる業種は、日本標準産業分類（平成25年１0月改定）において分類された業種区分によるものとする。
※２：指定期間とは、市町村長又は特別区長に対して認定を申請することができる期間をいう。</t>
    <rPh sb="5" eb="6">
      <t>ヒョウ</t>
    </rPh>
    <rPh sb="7" eb="8">
      <t>カカ</t>
    </rPh>
    <rPh sb="10" eb="12">
      <t>ギョウシュ</t>
    </rPh>
    <rPh sb="14" eb="16">
      <t>ニホン</t>
    </rPh>
    <rPh sb="16" eb="18">
      <t>ヒョウジュン</t>
    </rPh>
    <rPh sb="18" eb="20">
      <t>サンギョウ</t>
    </rPh>
    <rPh sb="20" eb="22">
      <t>ブンルイ</t>
    </rPh>
    <rPh sb="38" eb="40">
      <t>ブンルイ</t>
    </rPh>
    <rPh sb="43" eb="45">
      <t>ギョウシュ</t>
    </rPh>
    <rPh sb="45" eb="47">
      <t>クブン</t>
    </rPh>
    <rPh sb="60" eb="62">
      <t>シテイ</t>
    </rPh>
    <rPh sb="62" eb="64">
      <t>キカン</t>
    </rPh>
    <rPh sb="67" eb="71">
      <t>シチョウソンチョウ</t>
    </rPh>
    <rPh sb="71" eb="72">
      <t>マタ</t>
    </rPh>
    <rPh sb="73" eb="75">
      <t>トクベツ</t>
    </rPh>
    <rPh sb="75" eb="77">
      <t>クチョウ</t>
    </rPh>
    <rPh sb="78" eb="79">
      <t>タイ</t>
    </rPh>
    <rPh sb="81" eb="83">
      <t>ニンテイ</t>
    </rPh>
    <rPh sb="84" eb="86">
      <t>シンセイ</t>
    </rPh>
    <rPh sb="94" eb="96">
      <t>キカン</t>
    </rPh>
    <phoneticPr fontId="4"/>
  </si>
  <si>
    <t>通番</t>
    <rPh sb="0" eb="1">
      <t>ツウ</t>
    </rPh>
    <rPh sb="1" eb="2">
      <t>バン</t>
    </rPh>
    <phoneticPr fontId="4"/>
  </si>
  <si>
    <t>日本標準産業分類
（平成25年１0月改定）細分類番号</t>
    <rPh sb="0" eb="2">
      <t>ニホン</t>
    </rPh>
    <rPh sb="2" eb="4">
      <t>ヒョウジュン</t>
    </rPh>
    <rPh sb="4" eb="6">
      <t>サンギョウ</t>
    </rPh>
    <rPh sb="6" eb="8">
      <t>ブンルイ</t>
    </rPh>
    <rPh sb="10" eb="12">
      <t>ヘイセイ</t>
    </rPh>
    <rPh sb="14" eb="15">
      <t>ネン</t>
    </rPh>
    <rPh sb="17" eb="18">
      <t>ガツ</t>
    </rPh>
    <rPh sb="18" eb="20">
      <t>カイテイ</t>
    </rPh>
    <rPh sb="21" eb="24">
      <t>サイブンルイ</t>
    </rPh>
    <rPh sb="24" eb="26">
      <t>バンゴウ</t>
    </rPh>
    <phoneticPr fontId="5"/>
  </si>
  <si>
    <t>指定業種名</t>
    <rPh sb="0" eb="2">
      <t>シテイ</t>
    </rPh>
    <rPh sb="2" eb="4">
      <t>ギョウシュ</t>
    </rPh>
    <rPh sb="4" eb="5">
      <t>メイ</t>
    </rPh>
    <phoneticPr fontId="4"/>
  </si>
  <si>
    <t>※以上に掲げる業種であっても、風俗営業等の規制及び業務の適正化等に関する法律（昭和２３年法律第１２２号。以下「適正化法」という。）第２条第１項第１号から第３号までに規定するものについては、公序良俗の観点から問題がないものに限る。また、以上に掲げる業種であっても、適正化法第２条第５項に規定する営業は除く。</t>
    <phoneticPr fontId="1"/>
  </si>
  <si>
    <r>
      <rPr>
        <sz val="22"/>
        <color theme="1"/>
        <rFont val="ＭＳ Ｐゴシック"/>
        <family val="3"/>
        <charset val="128"/>
      </rPr>
      <t>セーフティネット保証５号の指定業種</t>
    </r>
    <r>
      <rPr>
        <sz val="14"/>
        <color theme="1"/>
        <rFont val="ＭＳ Ｐゴシック"/>
        <family val="3"/>
        <charset val="128"/>
      </rPr>
      <t xml:space="preserve">
</t>
    </r>
    <r>
      <rPr>
        <sz val="11"/>
        <color theme="1"/>
        <rFont val="ＭＳ Ｐゴシック"/>
        <family val="3"/>
        <charset val="128"/>
      </rPr>
      <t>（中小企業信用保険法第２条第５項第５号）</t>
    </r>
    <phoneticPr fontId="1"/>
  </si>
  <si>
    <t>競輪場</t>
  </si>
  <si>
    <t>自動車・モータボートの競走場</t>
  </si>
  <si>
    <t>競輪競技団</t>
  </si>
  <si>
    <t>自動車・モータボートの競技団</t>
  </si>
  <si>
    <t>パチンコホール</t>
  </si>
  <si>
    <t>その他の採石業、砂・砂利・玉石採取業</t>
  </si>
  <si>
    <t>写真プリント、現像・焼付業</t>
  </si>
  <si>
    <t>他に分類されない木製品製造業（竹、とうを含む）</t>
  </si>
  <si>
    <t>娯楽に附帯するサービス業</t>
  </si>
  <si>
    <t>野菜作農業（きのこ類の栽培を含む）（製造加工設備を有するもやし栽培農業、作業所内において工場的生産設備（最小限温度又は湿度調節装置及び育成管理室を有することが必要。以下同じ。）をもって生産及び卸売する菌床栽培方式のきのこ栽培農業、並びに作業所内において工場的生産設備をもって生産及び卸売する苗床栽培方式のかいわれ大根栽培農業に限る。）</t>
  </si>
  <si>
    <t>変圧器類製造業（電子機器用を除く）</t>
  </si>
  <si>
    <t>旅行業（旅行業者代理業を除く）</t>
  </si>
  <si>
    <t>他に分類されないその他の生活関連サービス業</t>
  </si>
  <si>
    <t>指定期間：令和４年１０月１日～令和４年１２月３１日</t>
    <rPh sb="5" eb="6">
      <t>レイ</t>
    </rPh>
    <rPh sb="6" eb="7">
      <t>ワ</t>
    </rPh>
    <rPh sb="8" eb="9">
      <t>ネン</t>
    </rPh>
    <rPh sb="11" eb="12">
      <t>ツキ</t>
    </rPh>
    <rPh sb="13" eb="14">
      <t>ヒ</t>
    </rPh>
    <rPh sb="15" eb="16">
      <t>レイ</t>
    </rPh>
    <rPh sb="16" eb="17">
      <t>ワ</t>
    </rPh>
    <rPh sb="18" eb="19">
      <t>ネン</t>
    </rPh>
    <rPh sb="21" eb="22">
      <t>ツキ</t>
    </rPh>
    <rPh sb="24" eb="25">
      <t>ヒ</t>
    </rPh>
    <phoneticPr fontId="4"/>
  </si>
  <si>
    <t>工芸農作物農業（製造加工設備を有する茶作農業であって、荒茶及び仕上茶の製造を行っているものに限る。）</t>
  </si>
  <si>
    <t>土木工事業（造園工事業、しゅんせつ工事業及び舗装工事業を除く）</t>
  </si>
  <si>
    <t>建築工事業（木造建築工事業を除く）</t>
  </si>
  <si>
    <t>綿・スフ・麻織物機械染色業</t>
  </si>
  <si>
    <t>絹・人絹織物機械染色業</t>
  </si>
  <si>
    <t>織物整理業</t>
  </si>
  <si>
    <t>音楽・映像記録物賃貸業（映画フィルム賃貸業などを除く）</t>
  </si>
  <si>
    <t>日本料理店</t>
  </si>
  <si>
    <t>ゲームセンター</t>
  </si>
  <si>
    <t>芸ぎ業</t>
  </si>
  <si>
    <t>職業紹介業</t>
  </si>
  <si>
    <t>飲料卸売業（酒、牛乳などを除く）</t>
    <rPh sb="6" eb="7">
      <t>サケ</t>
    </rPh>
    <rPh sb="8" eb="10">
      <t>ギュウニュウ</t>
    </rPh>
    <rPh sb="13" eb="14">
      <t>ノゾ</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quot;指定期間：&quot;0"/>
    <numFmt numFmtId="177" formatCode="[DBNum1]General"/>
    <numFmt numFmtId="178" formatCode="[DBNum1][$-411]General"/>
  </numFmts>
  <fonts count="20" x14ac:knownFonts="1">
    <font>
      <sz val="11"/>
      <color theme="1"/>
      <name val="游ゴシック"/>
      <family val="2"/>
      <charset val="128"/>
      <scheme val="minor"/>
    </font>
    <font>
      <sz val="6"/>
      <name val="游ゴシック"/>
      <family val="2"/>
      <charset val="128"/>
      <scheme val="minor"/>
    </font>
    <font>
      <sz val="11"/>
      <color theme="1"/>
      <name val="游ゴシック"/>
      <family val="2"/>
      <charset val="128"/>
      <scheme val="minor"/>
    </font>
    <font>
      <sz val="11"/>
      <color theme="1"/>
      <name val="游ゴシック"/>
      <family val="3"/>
      <charset val="128"/>
      <scheme val="minor"/>
    </font>
    <font>
      <sz val="6"/>
      <name val="游ゴシック"/>
      <family val="3"/>
      <charset val="128"/>
      <scheme val="minor"/>
    </font>
    <font>
      <sz val="6"/>
      <name val="ＭＳ Ｐゴシック"/>
      <family val="3"/>
      <charset val="128"/>
    </font>
    <font>
      <sz val="14"/>
      <name val="ＭＳ Ｐゴシック"/>
      <family val="3"/>
      <charset val="128"/>
    </font>
    <font>
      <sz val="11"/>
      <name val="ＭＳ Ｐゴシック"/>
      <family val="3"/>
      <charset val="128"/>
    </font>
    <font>
      <sz val="10"/>
      <color theme="1"/>
      <name val="ＭＳ 明朝"/>
      <family val="1"/>
      <charset val="128"/>
    </font>
    <font>
      <sz val="14"/>
      <color theme="1"/>
      <name val="ＭＳ Ｐゴシック"/>
      <family val="3"/>
      <charset val="128"/>
    </font>
    <font>
      <sz val="12"/>
      <name val="ＭＳ Ｐゴシック"/>
      <family val="3"/>
      <charset val="128"/>
    </font>
    <font>
      <sz val="11"/>
      <color theme="1"/>
      <name val="游ゴシック"/>
      <family val="2"/>
      <scheme val="minor"/>
    </font>
    <font>
      <sz val="10"/>
      <name val="ＭＳ Ｐ明朝"/>
      <family val="1"/>
      <charset val="128"/>
    </font>
    <font>
      <sz val="11"/>
      <color theme="1"/>
      <name val="ＭＳ Ｐゴシック"/>
      <family val="3"/>
      <charset val="128"/>
    </font>
    <font>
      <sz val="11"/>
      <color theme="1"/>
      <name val="游ゴシック"/>
      <family val="3"/>
      <scheme val="minor"/>
    </font>
    <font>
      <sz val="22"/>
      <color theme="1"/>
      <name val="ＭＳ Ｐゴシック"/>
      <family val="3"/>
      <charset val="128"/>
    </font>
    <font>
      <sz val="9"/>
      <color theme="1"/>
      <name val="ＭＳ Ｐゴシック"/>
      <family val="3"/>
      <charset val="128"/>
    </font>
    <font>
      <sz val="12"/>
      <color rgb="FFFF0000"/>
      <name val="ＭＳ Ｐゴシック"/>
      <family val="3"/>
      <charset val="128"/>
    </font>
    <font>
      <sz val="11"/>
      <color indexed="8"/>
      <name val="游ゴシック"/>
      <family val="3"/>
      <charset val="128"/>
    </font>
    <font>
      <b/>
      <sz val="11"/>
      <color rgb="FFFF0000"/>
      <name val="游ゴシック"/>
      <family val="3"/>
      <charset val="128"/>
      <scheme val="minor"/>
    </font>
  </fonts>
  <fills count="3">
    <fill>
      <patternFill patternType="none"/>
    </fill>
    <fill>
      <patternFill patternType="gray125"/>
    </fill>
    <fill>
      <patternFill patternType="solid">
        <fgColor theme="0"/>
        <bgColor indexed="64"/>
      </patternFill>
    </fill>
  </fills>
  <borders count="11">
    <border>
      <left/>
      <right/>
      <top/>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top style="medium">
        <color indexed="64"/>
      </top>
      <bottom/>
      <diagonal/>
    </border>
    <border>
      <left style="medium">
        <color indexed="64"/>
      </left>
      <right style="thin">
        <color indexed="64"/>
      </right>
      <top style="medium">
        <color indexed="64"/>
      </top>
      <bottom style="double">
        <color indexed="64"/>
      </bottom>
      <diagonal/>
    </border>
    <border>
      <left style="thin">
        <color indexed="64"/>
      </left>
      <right style="thin">
        <color indexed="64"/>
      </right>
      <top style="medium">
        <color indexed="64"/>
      </top>
      <bottom style="double">
        <color indexed="64"/>
      </bottom>
      <diagonal/>
    </border>
    <border>
      <left style="thin">
        <color indexed="64"/>
      </left>
      <right style="medium">
        <color indexed="64"/>
      </right>
      <top style="medium">
        <color indexed="64"/>
      </top>
      <bottom style="double">
        <color indexed="64"/>
      </bottom>
      <diagonal/>
    </border>
    <border>
      <left style="thin">
        <color indexed="64"/>
      </left>
      <right style="thin">
        <color indexed="64"/>
      </right>
      <top style="double">
        <color indexed="64"/>
      </top>
      <bottom style="thin">
        <color indexed="64"/>
      </bottom>
      <diagonal/>
    </border>
    <border>
      <left style="thin">
        <color indexed="64"/>
      </left>
      <right style="medium">
        <color indexed="64"/>
      </right>
      <top style="double">
        <color indexed="64"/>
      </top>
      <bottom style="thin">
        <color indexed="64"/>
      </bottom>
      <diagonal/>
    </border>
    <border>
      <left style="medium">
        <color indexed="64"/>
      </left>
      <right style="thin">
        <color indexed="64"/>
      </right>
      <top style="double">
        <color indexed="64"/>
      </top>
      <bottom style="thin">
        <color indexed="64"/>
      </bottom>
      <diagonal/>
    </border>
  </borders>
  <cellStyleXfs count="11828">
    <xf numFmtId="0" fontId="0" fillId="0" borderId="0">
      <alignment vertical="center"/>
    </xf>
    <xf numFmtId="0" fontId="3" fillId="0" borderId="0">
      <alignment vertical="center"/>
    </xf>
    <xf numFmtId="38" fontId="7" fillId="0" borderId="0" applyFont="0" applyFill="0" applyBorder="0" applyAlignment="0" applyProtection="0"/>
    <xf numFmtId="38" fontId="3" fillId="0" borderId="0" applyFont="0" applyFill="0" applyBorder="0" applyAlignment="0" applyProtection="0">
      <alignment vertical="center"/>
    </xf>
    <xf numFmtId="0" fontId="7" fillId="0" borderId="0"/>
    <xf numFmtId="0" fontId="8" fillId="0" borderId="0">
      <alignment vertical="center"/>
    </xf>
    <xf numFmtId="0" fontId="2" fillId="0" borderId="0">
      <alignment vertical="center"/>
    </xf>
    <xf numFmtId="38" fontId="3" fillId="0" borderId="0" applyFont="0" applyFill="0" applyBorder="0" applyAlignment="0" applyProtection="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11" fillId="0" borderId="0"/>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38" fontId="7" fillId="0" borderId="0" applyFont="0" applyFill="0" applyBorder="0" applyAlignment="0" applyProtection="0"/>
    <xf numFmtId="38" fontId="12" fillId="0" borderId="0" applyFont="0" applyFill="0" applyBorder="0" applyAlignment="0" applyProtection="0"/>
    <xf numFmtId="38" fontId="7" fillId="0" borderId="0" applyFont="0" applyFill="0" applyBorder="0" applyAlignment="0" applyProtection="0">
      <alignment vertical="center"/>
    </xf>
    <xf numFmtId="0" fontId="2" fillId="0" borderId="0">
      <alignment vertical="center"/>
    </xf>
    <xf numFmtId="0" fontId="2" fillId="0" borderId="0">
      <alignment vertical="center"/>
    </xf>
    <xf numFmtId="0" fontId="2" fillId="0" borderId="0">
      <alignment vertical="center"/>
    </xf>
    <xf numFmtId="0" fontId="11" fillId="0" borderId="0"/>
    <xf numFmtId="0" fontId="2" fillId="0" borderId="0">
      <alignment vertical="center"/>
    </xf>
    <xf numFmtId="0" fontId="3" fillId="0" borderId="0">
      <alignment vertical="center"/>
    </xf>
    <xf numFmtId="0" fontId="12" fillId="0" borderId="0"/>
    <xf numFmtId="0" fontId="3" fillId="0" borderId="0">
      <alignment vertical="center"/>
    </xf>
    <xf numFmtId="0" fontId="2" fillId="0" borderId="0">
      <alignment vertical="center"/>
    </xf>
    <xf numFmtId="0" fontId="7"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2" fillId="0" borderId="0">
      <alignment vertical="center"/>
    </xf>
    <xf numFmtId="0" fontId="14" fillId="0" borderId="0"/>
    <xf numFmtId="0" fontId="2"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xf numFmtId="0" fontId="18" fillId="0" borderId="0">
      <alignment vertical="center"/>
    </xf>
  </cellStyleXfs>
  <cellXfs count="36">
    <xf numFmtId="0" fontId="0" fillId="0" borderId="0" xfId="0">
      <alignment vertical="center"/>
    </xf>
    <xf numFmtId="0" fontId="2" fillId="0" borderId="0" xfId="749">
      <alignment vertical="center"/>
    </xf>
    <xf numFmtId="177" fontId="2" fillId="0" borderId="0" xfId="749" applyNumberFormat="1">
      <alignment vertical="center"/>
    </xf>
    <xf numFmtId="0" fontId="11" fillId="0" borderId="0" xfId="378"/>
    <xf numFmtId="177" fontId="0" fillId="0" borderId="0" xfId="749" applyNumberFormat="1" applyFont="1">
      <alignment vertical="center"/>
    </xf>
    <xf numFmtId="0" fontId="0" fillId="0" borderId="0" xfId="749" applyFont="1">
      <alignment vertical="center"/>
    </xf>
    <xf numFmtId="0" fontId="13" fillId="0" borderId="0" xfId="749" applyFont="1">
      <alignment vertical="center"/>
    </xf>
    <xf numFmtId="0" fontId="13" fillId="0" borderId="0" xfId="749" applyFont="1" applyAlignment="1">
      <alignment horizontal="center" vertical="center"/>
    </xf>
    <xf numFmtId="0" fontId="9" fillId="0" borderId="0" xfId="749" applyFont="1" applyAlignment="1">
      <alignment horizontal="right" vertical="center"/>
    </xf>
    <xf numFmtId="0" fontId="9" fillId="0" borderId="5" xfId="748" applyFont="1" applyBorder="1" applyAlignment="1">
      <alignment horizontal="center" vertical="center"/>
    </xf>
    <xf numFmtId="0" fontId="9" fillId="0" borderId="2" xfId="749" applyFont="1" applyBorder="1" applyAlignment="1">
      <alignment horizontal="center" vertical="center"/>
    </xf>
    <xf numFmtId="0" fontId="6" fillId="0" borderId="2" xfId="749" applyFont="1" applyBorder="1" applyAlignment="1">
      <alignment horizontal="center" vertical="center"/>
    </xf>
    <xf numFmtId="0" fontId="6" fillId="2" borderId="3" xfId="749" applyFont="1" applyFill="1" applyBorder="1" applyAlignment="1">
      <alignment vertical="center" wrapText="1"/>
    </xf>
    <xf numFmtId="0" fontId="2" fillId="0" borderId="0" xfId="749" applyAlignment="1">
      <alignment horizontal="center" vertical="center"/>
    </xf>
    <xf numFmtId="178" fontId="11" fillId="0" borderId="0" xfId="378" applyNumberFormat="1" applyAlignment="1">
      <alignment horizontal="center"/>
    </xf>
    <xf numFmtId="0" fontId="19" fillId="0" borderId="0" xfId="749" applyFont="1" applyAlignment="1">
      <alignment horizontal="center" vertical="center"/>
    </xf>
    <xf numFmtId="0" fontId="9" fillId="0" borderId="0" xfId="749" applyFont="1" applyAlignment="1">
      <alignment horizontal="left" vertical="top" wrapText="1"/>
    </xf>
    <xf numFmtId="0" fontId="6" fillId="0" borderId="3" xfId="749" applyFont="1" applyBorder="1" applyAlignment="1">
      <alignment vertical="center" wrapText="1"/>
    </xf>
    <xf numFmtId="0" fontId="9" fillId="0" borderId="1" xfId="749" applyFont="1" applyBorder="1" applyAlignment="1">
      <alignment horizontal="center" vertical="center"/>
    </xf>
    <xf numFmtId="0" fontId="9" fillId="0" borderId="1" xfId="749" quotePrefix="1" applyFont="1" applyBorder="1" applyAlignment="1">
      <alignment horizontal="center" vertical="center"/>
    </xf>
    <xf numFmtId="0" fontId="6" fillId="0" borderId="1" xfId="749" quotePrefix="1" applyFont="1" applyBorder="1" applyAlignment="1">
      <alignment horizontal="center" vertical="center"/>
    </xf>
    <xf numFmtId="0" fontId="6" fillId="0" borderId="9" xfId="749" applyFont="1" applyBorder="1" applyAlignment="1">
      <alignment vertical="center" wrapText="1"/>
    </xf>
    <xf numFmtId="0" fontId="6" fillId="0" borderId="8" xfId="749" quotePrefix="1" applyFont="1" applyBorder="1" applyAlignment="1">
      <alignment horizontal="center" vertical="center"/>
    </xf>
    <xf numFmtId="0" fontId="9" fillId="0" borderId="7" xfId="748" applyFont="1" applyBorder="1" applyAlignment="1">
      <alignment horizontal="center" vertical="center"/>
    </xf>
    <xf numFmtId="49" fontId="16" fillId="0" borderId="6" xfId="749" applyNumberFormat="1" applyFont="1" applyBorder="1" applyAlignment="1">
      <alignment horizontal="center" vertical="center" wrapText="1"/>
    </xf>
    <xf numFmtId="0" fontId="6" fillId="0" borderId="10" xfId="749" applyFont="1" applyBorder="1" applyAlignment="1">
      <alignment horizontal="center" vertical="center"/>
    </xf>
    <xf numFmtId="0" fontId="9" fillId="0" borderId="8" xfId="1" applyFont="1" applyFill="1" applyBorder="1" applyAlignment="1" applyProtection="1">
      <alignment horizontal="center" vertical="center"/>
      <protection locked="0"/>
    </xf>
    <xf numFmtId="0" fontId="9" fillId="0" borderId="1" xfId="1" applyFont="1" applyFill="1" applyBorder="1" applyAlignment="1" applyProtection="1">
      <alignment horizontal="center" vertical="center"/>
      <protection locked="0"/>
    </xf>
    <xf numFmtId="0" fontId="9" fillId="0" borderId="0" xfId="748" applyFont="1" applyAlignment="1">
      <alignment horizontal="center" vertical="center" wrapText="1"/>
    </xf>
    <xf numFmtId="0" fontId="9" fillId="0" borderId="0" xfId="748" applyFont="1" applyAlignment="1">
      <alignment horizontal="center" vertical="center"/>
    </xf>
    <xf numFmtId="176" fontId="10" fillId="0" borderId="0" xfId="748" applyNumberFormat="1" applyFont="1" applyAlignment="1">
      <alignment horizontal="center" vertical="center" wrapText="1"/>
    </xf>
    <xf numFmtId="0" fontId="13" fillId="0" borderId="0" xfId="748" applyFont="1" applyAlignment="1">
      <alignment horizontal="left" vertical="center" wrapText="1"/>
    </xf>
    <xf numFmtId="0" fontId="10" fillId="0" borderId="4" xfId="749" applyFont="1" applyBorder="1" applyAlignment="1">
      <alignment horizontal="left" vertical="top" wrapText="1"/>
    </xf>
    <xf numFmtId="0" fontId="10" fillId="0" borderId="0" xfId="749" applyFont="1" applyAlignment="1">
      <alignment horizontal="left" vertical="top" wrapText="1"/>
    </xf>
    <xf numFmtId="0" fontId="17" fillId="0" borderId="4" xfId="749" applyFont="1" applyBorder="1" applyAlignment="1">
      <alignment horizontal="left" vertical="top" wrapText="1"/>
    </xf>
    <xf numFmtId="0" fontId="17" fillId="0" borderId="0" xfId="749" applyFont="1" applyAlignment="1">
      <alignment horizontal="left" vertical="top" wrapText="1"/>
    </xf>
  </cellXfs>
  <cellStyles count="11828">
    <cellStyle name="桁区切り 2" xfId="2"/>
    <cellStyle name="桁区切り 2 2" xfId="372"/>
    <cellStyle name="桁区切り 2 2 2" xfId="373"/>
    <cellStyle name="桁区切り 2 3" xfId="374"/>
    <cellStyle name="桁区切り 3" xfId="7"/>
    <cellStyle name="桁区切り 4" xfId="3"/>
    <cellStyle name="標準" xfId="0" builtinId="0"/>
    <cellStyle name="標準 10" xfId="375"/>
    <cellStyle name="標準 10 2" xfId="749"/>
    <cellStyle name="標準 10 2 2" xfId="1487"/>
    <cellStyle name="標準 10 2 2 2" xfId="4439"/>
    <cellStyle name="標準 10 2 2 3" xfId="7391"/>
    <cellStyle name="標準 10 2 2_原油高騰等の影響業種" xfId="8876"/>
    <cellStyle name="標準 10 2 3" xfId="2225"/>
    <cellStyle name="標準 10 2 3 2" xfId="5177"/>
    <cellStyle name="標準 10 2 3 3" xfId="8129"/>
    <cellStyle name="標準 10 2 3_原油高騰等の影響業種" xfId="8877"/>
    <cellStyle name="標準 10 2 4" xfId="2963"/>
    <cellStyle name="標準 10 2 4 2" xfId="5915"/>
    <cellStyle name="標準 10 2 4 3" xfId="8867"/>
    <cellStyle name="標準 10 2 4_原油高騰等の影響業種" xfId="8878"/>
    <cellStyle name="標準 10 2 5" xfId="3701"/>
    <cellStyle name="標準 10 2 6" xfId="6653"/>
    <cellStyle name="標準 10 2_原油高騰等の影響業種" xfId="8875"/>
    <cellStyle name="標準 10 3" xfId="1118"/>
    <cellStyle name="標準 10 3 2" xfId="4070"/>
    <cellStyle name="標準 10 3 3" xfId="7022"/>
    <cellStyle name="標準 10 3_原油高騰等の影響業種" xfId="8879"/>
    <cellStyle name="標準 10 4" xfId="1856"/>
    <cellStyle name="標準 10 4 2" xfId="4808"/>
    <cellStyle name="標準 10 4 3" xfId="7760"/>
    <cellStyle name="標準 10 4_原油高騰等の影響業種" xfId="8880"/>
    <cellStyle name="標準 10 5" xfId="2594"/>
    <cellStyle name="標準 10 5 2" xfId="5546"/>
    <cellStyle name="標準 10 5 3" xfId="8498"/>
    <cellStyle name="標準 10 5_原油高騰等の影響業種" xfId="8881"/>
    <cellStyle name="標準 10 6" xfId="3332"/>
    <cellStyle name="標準 10 7" xfId="6284"/>
    <cellStyle name="標準 10_原油高騰等の影響業種" xfId="8874"/>
    <cellStyle name="標準 11" xfId="376"/>
    <cellStyle name="標準 11 2" xfId="750"/>
    <cellStyle name="標準 11 2 2" xfId="1488"/>
    <cellStyle name="標準 11 2 2 2" xfId="4440"/>
    <cellStyle name="標準 11 2 2 3" xfId="7392"/>
    <cellStyle name="標準 11 2 2_原油高騰等の影響業種" xfId="8884"/>
    <cellStyle name="標準 11 2 3" xfId="2226"/>
    <cellStyle name="標準 11 2 3 2" xfId="5178"/>
    <cellStyle name="標準 11 2 3 3" xfId="8130"/>
    <cellStyle name="標準 11 2 3_原油高騰等の影響業種" xfId="8885"/>
    <cellStyle name="標準 11 2 4" xfId="2964"/>
    <cellStyle name="標準 11 2 4 2" xfId="5916"/>
    <cellStyle name="標準 11 2 4 3" xfId="8868"/>
    <cellStyle name="標準 11 2 4_原油高騰等の影響業種" xfId="8886"/>
    <cellStyle name="標準 11 2 5" xfId="3702"/>
    <cellStyle name="標準 11 2 6" xfId="6654"/>
    <cellStyle name="標準 11 2_原油高騰等の影響業種" xfId="8883"/>
    <cellStyle name="標準 11 3" xfId="1119"/>
    <cellStyle name="標準 11 3 2" xfId="4071"/>
    <cellStyle name="標準 11 3 3" xfId="7023"/>
    <cellStyle name="標準 11 3_原油高騰等の影響業種" xfId="8887"/>
    <cellStyle name="標準 11 4" xfId="1857"/>
    <cellStyle name="標準 11 4 2" xfId="4809"/>
    <cellStyle name="標準 11 4 3" xfId="7761"/>
    <cellStyle name="標準 11 4_原油高騰等の影響業種" xfId="8888"/>
    <cellStyle name="標準 11 5" xfId="2595"/>
    <cellStyle name="標準 11 5 2" xfId="5547"/>
    <cellStyle name="標準 11 5 3" xfId="8499"/>
    <cellStyle name="標準 11 5_原油高騰等の影響業種" xfId="8889"/>
    <cellStyle name="標準 11 6" xfId="3333"/>
    <cellStyle name="標準 11 7" xfId="6285"/>
    <cellStyle name="標準 11_原油高騰等の影響業種" xfId="8882"/>
    <cellStyle name="標準 12" xfId="377"/>
    <cellStyle name="標準 12 2" xfId="751"/>
    <cellStyle name="標準 12 2 2" xfId="1489"/>
    <cellStyle name="標準 12 2 2 2" xfId="4441"/>
    <cellStyle name="標準 12 2 2 3" xfId="7393"/>
    <cellStyle name="標準 12 2 2_原油高騰等の影響業種" xfId="8892"/>
    <cellStyle name="標準 12 2 3" xfId="2227"/>
    <cellStyle name="標準 12 2 3 2" xfId="5179"/>
    <cellStyle name="標準 12 2 3 3" xfId="8131"/>
    <cellStyle name="標準 12 2 3_原油高騰等の影響業種" xfId="8893"/>
    <cellStyle name="標準 12 2 4" xfId="2965"/>
    <cellStyle name="標準 12 2 4 2" xfId="5917"/>
    <cellStyle name="標準 12 2 4 3" xfId="8869"/>
    <cellStyle name="標準 12 2 4_原油高騰等の影響業種" xfId="8894"/>
    <cellStyle name="標準 12 2 5" xfId="3703"/>
    <cellStyle name="標準 12 2 6" xfId="6655"/>
    <cellStyle name="標準 12 2_原油高騰等の影響業種" xfId="8891"/>
    <cellStyle name="標準 12 3" xfId="1120"/>
    <cellStyle name="標準 12 3 2" xfId="4072"/>
    <cellStyle name="標準 12 3 3" xfId="7024"/>
    <cellStyle name="標準 12 3_原油高騰等の影響業種" xfId="8895"/>
    <cellStyle name="標準 12 4" xfId="1858"/>
    <cellStyle name="標準 12 4 2" xfId="4810"/>
    <cellStyle name="標準 12 4 3" xfId="7762"/>
    <cellStyle name="標準 12 4_原油高騰等の影響業種" xfId="8896"/>
    <cellStyle name="標準 12 5" xfId="2596"/>
    <cellStyle name="標準 12 5 2" xfId="5548"/>
    <cellStyle name="標準 12 5 3" xfId="8500"/>
    <cellStyle name="標準 12 5_原油高騰等の影響業種" xfId="8897"/>
    <cellStyle name="標準 12 6" xfId="3334"/>
    <cellStyle name="標準 12 7" xfId="6286"/>
    <cellStyle name="標準 12_原油高騰等の影響業種" xfId="8890"/>
    <cellStyle name="標準 13" xfId="378"/>
    <cellStyle name="標準 14" xfId="379"/>
    <cellStyle name="標準 14 2" xfId="752"/>
    <cellStyle name="標準 14 2 2" xfId="1490"/>
    <cellStyle name="標準 14 2 2 2" xfId="4442"/>
    <cellStyle name="標準 14 2 2 3" xfId="7394"/>
    <cellStyle name="標準 14 2 2_原油高騰等の影響業種" xfId="8900"/>
    <cellStyle name="標準 14 2 3" xfId="2228"/>
    <cellStyle name="標準 14 2 3 2" xfId="5180"/>
    <cellStyle name="標準 14 2 3 3" xfId="8132"/>
    <cellStyle name="標準 14 2 3_原油高騰等の影響業種" xfId="8901"/>
    <cellStyle name="標準 14 2 4" xfId="2966"/>
    <cellStyle name="標準 14 2 4 2" xfId="5918"/>
    <cellStyle name="標準 14 2 4 3" xfId="8870"/>
    <cellStyle name="標準 14 2 4_原油高騰等の影響業種" xfId="8902"/>
    <cellStyle name="標準 14 2 5" xfId="3704"/>
    <cellStyle name="標準 14 2 6" xfId="6656"/>
    <cellStyle name="標準 14 2_原油高騰等の影響業種" xfId="8899"/>
    <cellStyle name="標準 14 3" xfId="1121"/>
    <cellStyle name="標準 14 3 2" xfId="4073"/>
    <cellStyle name="標準 14 3 3" xfId="7025"/>
    <cellStyle name="標準 14 3_原油高騰等の影響業種" xfId="8903"/>
    <cellStyle name="標準 14 4" xfId="1859"/>
    <cellStyle name="標準 14 4 2" xfId="4811"/>
    <cellStyle name="標準 14 4 3" xfId="7763"/>
    <cellStyle name="標準 14 4_原油高騰等の影響業種" xfId="8904"/>
    <cellStyle name="標準 14 5" xfId="2597"/>
    <cellStyle name="標準 14 5 2" xfId="5549"/>
    <cellStyle name="標準 14 5 3" xfId="8501"/>
    <cellStyle name="標準 14 5_原油高騰等の影響業種" xfId="8905"/>
    <cellStyle name="標準 14 6" xfId="3335"/>
    <cellStyle name="標準 14 7" xfId="6287"/>
    <cellStyle name="標準 14_原油高騰等の影響業種" xfId="8898"/>
    <cellStyle name="標準 15" xfId="12"/>
    <cellStyle name="標準 15 2" xfId="8873"/>
    <cellStyle name="標準 15_原油高騰等の影響業種" xfId="8906"/>
    <cellStyle name="標準 2" xfId="1"/>
    <cellStyle name="標準 2 2" xfId="4"/>
    <cellStyle name="標準 2 2 2" xfId="380"/>
    <cellStyle name="標準 2 3" xfId="381"/>
    <cellStyle name="標準 2 4" xfId="8872"/>
    <cellStyle name="標準 2_原油高騰等の影響業種" xfId="8907"/>
    <cellStyle name="標準 3" xfId="11"/>
    <cellStyle name="標準 3 10" xfId="102"/>
    <cellStyle name="標準 3 10 2" xfId="282"/>
    <cellStyle name="標準 3 10 2 2" xfId="655"/>
    <cellStyle name="標準 3 10 2 2 2" xfId="1393"/>
    <cellStyle name="標準 3 10 2 2 2 2" xfId="4345"/>
    <cellStyle name="標準 3 10 2 2 2 3" xfId="7297"/>
    <cellStyle name="標準 3 10 2 2 2_原油高騰等の影響業種" xfId="8912"/>
    <cellStyle name="標準 3 10 2 2 3" xfId="2131"/>
    <cellStyle name="標準 3 10 2 2 3 2" xfId="5083"/>
    <cellStyle name="標準 3 10 2 2 3 3" xfId="8035"/>
    <cellStyle name="標準 3 10 2 2 3_原油高騰等の影響業種" xfId="8913"/>
    <cellStyle name="標準 3 10 2 2 4" xfId="2869"/>
    <cellStyle name="標準 3 10 2 2 4 2" xfId="5821"/>
    <cellStyle name="標準 3 10 2 2 4 3" xfId="8773"/>
    <cellStyle name="標準 3 10 2 2 4_原油高騰等の影響業種" xfId="8914"/>
    <cellStyle name="標準 3 10 2 2 5" xfId="3607"/>
    <cellStyle name="標準 3 10 2 2 6" xfId="6559"/>
    <cellStyle name="標準 3 10 2 2_原油高騰等の影響業種" xfId="8911"/>
    <cellStyle name="標準 3 10 2 3" xfId="1024"/>
    <cellStyle name="標準 3 10 2 3 2" xfId="3976"/>
    <cellStyle name="標準 3 10 2 3 3" xfId="6928"/>
    <cellStyle name="標準 3 10 2 3_原油高騰等の影響業種" xfId="8915"/>
    <cellStyle name="標準 3 10 2 4" xfId="1762"/>
    <cellStyle name="標準 3 10 2 4 2" xfId="4714"/>
    <cellStyle name="標準 3 10 2 4 3" xfId="7666"/>
    <cellStyle name="標準 3 10 2 4_原油高騰等の影響業種" xfId="8916"/>
    <cellStyle name="標準 3 10 2 5" xfId="2500"/>
    <cellStyle name="標準 3 10 2 5 2" xfId="5452"/>
    <cellStyle name="標準 3 10 2 5 3" xfId="8404"/>
    <cellStyle name="標準 3 10 2 5_原油高騰等の影響業種" xfId="8917"/>
    <cellStyle name="標準 3 10 2 6" xfId="3238"/>
    <cellStyle name="標準 3 10 2 7" xfId="6190"/>
    <cellStyle name="標準 3 10 2_原油高騰等の影響業種" xfId="8910"/>
    <cellStyle name="標準 3 10 3" xfId="475"/>
    <cellStyle name="標準 3 10 3 2" xfId="1213"/>
    <cellStyle name="標準 3 10 3 2 2" xfId="4165"/>
    <cellStyle name="標準 3 10 3 2 3" xfId="7117"/>
    <cellStyle name="標準 3 10 3 2_原油高騰等の影響業種" xfId="8919"/>
    <cellStyle name="標準 3 10 3 3" xfId="1951"/>
    <cellStyle name="標準 3 10 3 3 2" xfId="4903"/>
    <cellStyle name="標準 3 10 3 3 3" xfId="7855"/>
    <cellStyle name="標準 3 10 3 3_原油高騰等の影響業種" xfId="8920"/>
    <cellStyle name="標準 3 10 3 4" xfId="2689"/>
    <cellStyle name="標準 3 10 3 4 2" xfId="5641"/>
    <cellStyle name="標準 3 10 3 4 3" xfId="8593"/>
    <cellStyle name="標準 3 10 3 4_原油高騰等の影響業種" xfId="8921"/>
    <cellStyle name="標準 3 10 3 5" xfId="3427"/>
    <cellStyle name="標準 3 10 3 6" xfId="6379"/>
    <cellStyle name="標準 3 10 3_原油高騰等の影響業種" xfId="8918"/>
    <cellStyle name="標準 3 10 4" xfId="844"/>
    <cellStyle name="標準 3 10 4 2" xfId="3796"/>
    <cellStyle name="標準 3 10 4 3" xfId="6748"/>
    <cellStyle name="標準 3 10 4_原油高騰等の影響業種" xfId="8922"/>
    <cellStyle name="標準 3 10 5" xfId="1582"/>
    <cellStyle name="標準 3 10 5 2" xfId="4534"/>
    <cellStyle name="標準 3 10 5 3" xfId="7486"/>
    <cellStyle name="標準 3 10 5_原油高騰等の影響業種" xfId="8923"/>
    <cellStyle name="標準 3 10 6" xfId="2320"/>
    <cellStyle name="標準 3 10 6 2" xfId="5272"/>
    <cellStyle name="標準 3 10 6 3" xfId="8224"/>
    <cellStyle name="標準 3 10 6_原油高騰等の影響業種" xfId="8924"/>
    <cellStyle name="標準 3 10 7" xfId="3058"/>
    <cellStyle name="標準 3 10 8" xfId="6010"/>
    <cellStyle name="標準 3 10_原油高騰等の影響業種" xfId="8909"/>
    <cellStyle name="標準 3 11" xfId="147"/>
    <cellStyle name="標準 3 11 2" xfId="327"/>
    <cellStyle name="標準 3 11 2 2" xfId="700"/>
    <cellStyle name="標準 3 11 2 2 2" xfId="1438"/>
    <cellStyle name="標準 3 11 2 2 2 2" xfId="4390"/>
    <cellStyle name="標準 3 11 2 2 2 3" xfId="7342"/>
    <cellStyle name="標準 3 11 2 2 2_原油高騰等の影響業種" xfId="8928"/>
    <cellStyle name="標準 3 11 2 2 3" xfId="2176"/>
    <cellStyle name="標準 3 11 2 2 3 2" xfId="5128"/>
    <cellStyle name="標準 3 11 2 2 3 3" xfId="8080"/>
    <cellStyle name="標準 3 11 2 2 3_原油高騰等の影響業種" xfId="8929"/>
    <cellStyle name="標準 3 11 2 2 4" xfId="2914"/>
    <cellStyle name="標準 3 11 2 2 4 2" xfId="5866"/>
    <cellStyle name="標準 3 11 2 2 4 3" xfId="8818"/>
    <cellStyle name="標準 3 11 2 2 4_原油高騰等の影響業種" xfId="8930"/>
    <cellStyle name="標準 3 11 2 2 5" xfId="3652"/>
    <cellStyle name="標準 3 11 2 2 6" xfId="6604"/>
    <cellStyle name="標準 3 11 2 2_原油高騰等の影響業種" xfId="8927"/>
    <cellStyle name="標準 3 11 2 3" xfId="1069"/>
    <cellStyle name="標準 3 11 2 3 2" xfId="4021"/>
    <cellStyle name="標準 3 11 2 3 3" xfId="6973"/>
    <cellStyle name="標準 3 11 2 3_原油高騰等の影響業種" xfId="8931"/>
    <cellStyle name="標準 3 11 2 4" xfId="1807"/>
    <cellStyle name="標準 3 11 2 4 2" xfId="4759"/>
    <cellStyle name="標準 3 11 2 4 3" xfId="7711"/>
    <cellStyle name="標準 3 11 2 4_原油高騰等の影響業種" xfId="8932"/>
    <cellStyle name="標準 3 11 2 5" xfId="2545"/>
    <cellStyle name="標準 3 11 2 5 2" xfId="5497"/>
    <cellStyle name="標準 3 11 2 5 3" xfId="8449"/>
    <cellStyle name="標準 3 11 2 5_原油高騰等の影響業種" xfId="8933"/>
    <cellStyle name="標準 3 11 2 6" xfId="3283"/>
    <cellStyle name="標準 3 11 2 7" xfId="6235"/>
    <cellStyle name="標準 3 11 2_原油高騰等の影響業種" xfId="8926"/>
    <cellStyle name="標準 3 11 3" xfId="520"/>
    <cellStyle name="標準 3 11 3 2" xfId="1258"/>
    <cellStyle name="標準 3 11 3 2 2" xfId="4210"/>
    <cellStyle name="標準 3 11 3 2 3" xfId="7162"/>
    <cellStyle name="標準 3 11 3 2_原油高騰等の影響業種" xfId="8935"/>
    <cellStyle name="標準 3 11 3 3" xfId="1996"/>
    <cellStyle name="標準 3 11 3 3 2" xfId="4948"/>
    <cellStyle name="標準 3 11 3 3 3" xfId="7900"/>
    <cellStyle name="標準 3 11 3 3_原油高騰等の影響業種" xfId="8936"/>
    <cellStyle name="標準 3 11 3 4" xfId="2734"/>
    <cellStyle name="標準 3 11 3 4 2" xfId="5686"/>
    <cellStyle name="標準 3 11 3 4 3" xfId="8638"/>
    <cellStyle name="標準 3 11 3 4_原油高騰等の影響業種" xfId="8937"/>
    <cellStyle name="標準 3 11 3 5" xfId="3472"/>
    <cellStyle name="標準 3 11 3 6" xfId="6424"/>
    <cellStyle name="標準 3 11 3_原油高騰等の影響業種" xfId="8934"/>
    <cellStyle name="標準 3 11 4" xfId="889"/>
    <cellStyle name="標準 3 11 4 2" xfId="3841"/>
    <cellStyle name="標準 3 11 4 3" xfId="6793"/>
    <cellStyle name="標準 3 11 4_原油高騰等の影響業種" xfId="8938"/>
    <cellStyle name="標準 3 11 5" xfId="1627"/>
    <cellStyle name="標準 3 11 5 2" xfId="4579"/>
    <cellStyle name="標準 3 11 5 3" xfId="7531"/>
    <cellStyle name="標準 3 11 5_原油高騰等の影響業種" xfId="8939"/>
    <cellStyle name="標準 3 11 6" xfId="2365"/>
    <cellStyle name="標準 3 11 6 2" xfId="5317"/>
    <cellStyle name="標準 3 11 6 3" xfId="8269"/>
    <cellStyle name="標準 3 11 6_原油高騰等の影響業種" xfId="8940"/>
    <cellStyle name="標準 3 11 7" xfId="3103"/>
    <cellStyle name="標準 3 11 8" xfId="6055"/>
    <cellStyle name="標準 3 11_原油高騰等の影響業種" xfId="8925"/>
    <cellStyle name="標準 3 12" xfId="192"/>
    <cellStyle name="標準 3 12 2" xfId="565"/>
    <cellStyle name="標準 3 12 2 2" xfId="1303"/>
    <cellStyle name="標準 3 12 2 2 2" xfId="4255"/>
    <cellStyle name="標準 3 12 2 2 3" xfId="7207"/>
    <cellStyle name="標準 3 12 2 2_原油高騰等の影響業種" xfId="8943"/>
    <cellStyle name="標準 3 12 2 3" xfId="2041"/>
    <cellStyle name="標準 3 12 2 3 2" xfId="4993"/>
    <cellStyle name="標準 3 12 2 3 3" xfId="7945"/>
    <cellStyle name="標準 3 12 2 3_原油高騰等の影響業種" xfId="8944"/>
    <cellStyle name="標準 3 12 2 4" xfId="2779"/>
    <cellStyle name="標準 3 12 2 4 2" xfId="5731"/>
    <cellStyle name="標準 3 12 2 4 3" xfId="8683"/>
    <cellStyle name="標準 3 12 2 4_原油高騰等の影響業種" xfId="8945"/>
    <cellStyle name="標準 3 12 2 5" xfId="3517"/>
    <cellStyle name="標準 3 12 2 6" xfId="6469"/>
    <cellStyle name="標準 3 12 2_原油高騰等の影響業種" xfId="8942"/>
    <cellStyle name="標準 3 12 3" xfId="934"/>
    <cellStyle name="標準 3 12 3 2" xfId="3886"/>
    <cellStyle name="標準 3 12 3 3" xfId="6838"/>
    <cellStyle name="標準 3 12 3_原油高騰等の影響業種" xfId="8946"/>
    <cellStyle name="標準 3 12 4" xfId="1672"/>
    <cellStyle name="標準 3 12 4 2" xfId="4624"/>
    <cellStyle name="標準 3 12 4 3" xfId="7576"/>
    <cellStyle name="標準 3 12 4_原油高騰等の影響業種" xfId="8947"/>
    <cellStyle name="標準 3 12 5" xfId="2410"/>
    <cellStyle name="標準 3 12 5 2" xfId="5362"/>
    <cellStyle name="標準 3 12 5 3" xfId="8314"/>
    <cellStyle name="標準 3 12 5_原油高騰等の影響業種" xfId="8948"/>
    <cellStyle name="標準 3 12 6" xfId="3148"/>
    <cellStyle name="標準 3 12 7" xfId="6100"/>
    <cellStyle name="標準 3 12_原油高騰等の影響業種" xfId="8941"/>
    <cellStyle name="標準 3 13" xfId="5"/>
    <cellStyle name="標準 3 14" xfId="385"/>
    <cellStyle name="標準 3 14 2" xfId="1123"/>
    <cellStyle name="標準 3 14 2 2" xfId="4075"/>
    <cellStyle name="標準 3 14 2 3" xfId="7027"/>
    <cellStyle name="標準 3 14 2_原油高騰等の影響業種" xfId="8950"/>
    <cellStyle name="標準 3 14 3" xfId="1861"/>
    <cellStyle name="標準 3 14 3 2" xfId="4813"/>
    <cellStyle name="標準 3 14 3 3" xfId="7765"/>
    <cellStyle name="標準 3 14 3_原油高騰等の影響業種" xfId="8951"/>
    <cellStyle name="標準 3 14 4" xfId="2599"/>
    <cellStyle name="標準 3 14 4 2" xfId="5551"/>
    <cellStyle name="標準 3 14 4 3" xfId="8503"/>
    <cellStyle name="標準 3 14 4_原油高騰等の影響業種" xfId="8952"/>
    <cellStyle name="標準 3 14 5" xfId="3337"/>
    <cellStyle name="標準 3 14 6" xfId="6289"/>
    <cellStyle name="標準 3 14_原油高騰等の影響業種" xfId="8949"/>
    <cellStyle name="標準 3 15" xfId="754"/>
    <cellStyle name="標準 3 15 2" xfId="3706"/>
    <cellStyle name="標準 3 15 3" xfId="6658"/>
    <cellStyle name="標準 3 15_原油高騰等の影響業種" xfId="8953"/>
    <cellStyle name="標準 3 16" xfId="1492"/>
    <cellStyle name="標準 3 16 2" xfId="4444"/>
    <cellStyle name="標準 3 16 3" xfId="7396"/>
    <cellStyle name="標準 3 16_原油高騰等の影響業種" xfId="8954"/>
    <cellStyle name="標準 3 17" xfId="2230"/>
    <cellStyle name="標準 3 17 2" xfId="5182"/>
    <cellStyle name="標準 3 17 3" xfId="8134"/>
    <cellStyle name="標準 3 17_原油高騰等の影響業種" xfId="8955"/>
    <cellStyle name="標準 3 18" xfId="2968"/>
    <cellStyle name="標準 3 19" xfId="5920"/>
    <cellStyle name="標準 3 2" xfId="13"/>
    <cellStyle name="標準 3 2 10" xfId="386"/>
    <cellStyle name="標準 3 2 10 2" xfId="1124"/>
    <cellStyle name="標準 3 2 10 2 2" xfId="4076"/>
    <cellStyle name="標準 3 2 10 2 3" xfId="7028"/>
    <cellStyle name="標準 3 2 10 2_原油高騰等の影響業種" xfId="8958"/>
    <cellStyle name="標準 3 2 10 3" xfId="1862"/>
    <cellStyle name="標準 3 2 10 3 2" xfId="4814"/>
    <cellStyle name="標準 3 2 10 3 3" xfId="7766"/>
    <cellStyle name="標準 3 2 10 3_原油高騰等の影響業種" xfId="8959"/>
    <cellStyle name="標準 3 2 10 4" xfId="2600"/>
    <cellStyle name="標準 3 2 10 4 2" xfId="5552"/>
    <cellStyle name="標準 3 2 10 4 3" xfId="8504"/>
    <cellStyle name="標準 3 2 10 4_原油高騰等の影響業種" xfId="8960"/>
    <cellStyle name="標準 3 2 10 5" xfId="3338"/>
    <cellStyle name="標準 3 2 10 6" xfId="6290"/>
    <cellStyle name="標準 3 2 10_原油高騰等の影響業種" xfId="8957"/>
    <cellStyle name="標準 3 2 11" xfId="755"/>
    <cellStyle name="標準 3 2 11 2" xfId="3707"/>
    <cellStyle name="標準 3 2 11 3" xfId="6659"/>
    <cellStyle name="標準 3 2 11_原油高騰等の影響業種" xfId="8961"/>
    <cellStyle name="標準 3 2 12" xfId="1493"/>
    <cellStyle name="標準 3 2 12 2" xfId="4445"/>
    <cellStyle name="標準 3 2 12 3" xfId="7397"/>
    <cellStyle name="標準 3 2 12_原油高騰等の影響業種" xfId="8962"/>
    <cellStyle name="標準 3 2 13" xfId="2231"/>
    <cellStyle name="標準 3 2 13 2" xfId="5183"/>
    <cellStyle name="標準 3 2 13 3" xfId="8135"/>
    <cellStyle name="標準 3 2 13_原油高騰等の影響業種" xfId="8963"/>
    <cellStyle name="標準 3 2 14" xfId="2969"/>
    <cellStyle name="標準 3 2 15" xfId="5921"/>
    <cellStyle name="標準 3 2 2" xfId="14"/>
    <cellStyle name="標準 3 2 2 10" xfId="756"/>
    <cellStyle name="標準 3 2 2 10 2" xfId="3708"/>
    <cellStyle name="標準 3 2 2 10 3" xfId="6660"/>
    <cellStyle name="標準 3 2 2 10_原油高騰等の影響業種" xfId="8965"/>
    <cellStyle name="標準 3 2 2 11" xfId="1494"/>
    <cellStyle name="標準 3 2 2 11 2" xfId="4446"/>
    <cellStyle name="標準 3 2 2 11 3" xfId="7398"/>
    <cellStyle name="標準 3 2 2 11_原油高騰等の影響業種" xfId="8966"/>
    <cellStyle name="標準 3 2 2 12" xfId="2232"/>
    <cellStyle name="標準 3 2 2 12 2" xfId="5184"/>
    <cellStyle name="標準 3 2 2 12 3" xfId="8136"/>
    <cellStyle name="標準 3 2 2 12_原油高騰等の影響業種" xfId="8967"/>
    <cellStyle name="標準 3 2 2 13" xfId="2970"/>
    <cellStyle name="標準 3 2 2 14" xfId="5922"/>
    <cellStyle name="標準 3 2 2 2" xfId="23"/>
    <cellStyle name="標準 3 2 2 2 10" xfId="2241"/>
    <cellStyle name="標準 3 2 2 2 10 2" xfId="5193"/>
    <cellStyle name="標準 3 2 2 2 10 3" xfId="8145"/>
    <cellStyle name="標準 3 2 2 2 10_原油高騰等の影響業種" xfId="8969"/>
    <cellStyle name="標準 3 2 2 2 11" xfId="2979"/>
    <cellStyle name="標準 3 2 2 2 12" xfId="5931"/>
    <cellStyle name="標準 3 2 2 2 2" xfId="41"/>
    <cellStyle name="標準 3 2 2 2 2 10" xfId="2997"/>
    <cellStyle name="標準 3 2 2 2 2 11" xfId="5949"/>
    <cellStyle name="標準 3 2 2 2 2 2" xfId="86"/>
    <cellStyle name="標準 3 2 2 2 2 2 2" xfId="266"/>
    <cellStyle name="標準 3 2 2 2 2 2 2 2" xfId="639"/>
    <cellStyle name="標準 3 2 2 2 2 2 2 2 2" xfId="1377"/>
    <cellStyle name="標準 3 2 2 2 2 2 2 2 2 2" xfId="4329"/>
    <cellStyle name="標準 3 2 2 2 2 2 2 2 2 3" xfId="7281"/>
    <cellStyle name="標準 3 2 2 2 2 2 2 2 2_原油高騰等の影響業種" xfId="8974"/>
    <cellStyle name="標準 3 2 2 2 2 2 2 2 3" xfId="2115"/>
    <cellStyle name="標準 3 2 2 2 2 2 2 2 3 2" xfId="5067"/>
    <cellStyle name="標準 3 2 2 2 2 2 2 2 3 3" xfId="8019"/>
    <cellStyle name="標準 3 2 2 2 2 2 2 2 3_原油高騰等の影響業種" xfId="8975"/>
    <cellStyle name="標準 3 2 2 2 2 2 2 2 4" xfId="2853"/>
    <cellStyle name="標準 3 2 2 2 2 2 2 2 4 2" xfId="5805"/>
    <cellStyle name="標準 3 2 2 2 2 2 2 2 4 3" xfId="8757"/>
    <cellStyle name="標準 3 2 2 2 2 2 2 2 4_原油高騰等の影響業種" xfId="8976"/>
    <cellStyle name="標準 3 2 2 2 2 2 2 2 5" xfId="3591"/>
    <cellStyle name="標準 3 2 2 2 2 2 2 2 6" xfId="6543"/>
    <cellStyle name="標準 3 2 2 2 2 2 2 2_原油高騰等の影響業種" xfId="8973"/>
    <cellStyle name="標準 3 2 2 2 2 2 2 3" xfId="1008"/>
    <cellStyle name="標準 3 2 2 2 2 2 2 3 2" xfId="3960"/>
    <cellStyle name="標準 3 2 2 2 2 2 2 3 3" xfId="6912"/>
    <cellStyle name="標準 3 2 2 2 2 2 2 3_原油高騰等の影響業種" xfId="8977"/>
    <cellStyle name="標準 3 2 2 2 2 2 2 4" xfId="1746"/>
    <cellStyle name="標準 3 2 2 2 2 2 2 4 2" xfId="4698"/>
    <cellStyle name="標準 3 2 2 2 2 2 2 4 3" xfId="7650"/>
    <cellStyle name="標準 3 2 2 2 2 2 2 4_原油高騰等の影響業種" xfId="8978"/>
    <cellStyle name="標準 3 2 2 2 2 2 2 5" xfId="2484"/>
    <cellStyle name="標準 3 2 2 2 2 2 2 5 2" xfId="5436"/>
    <cellStyle name="標準 3 2 2 2 2 2 2 5 3" xfId="8388"/>
    <cellStyle name="標準 3 2 2 2 2 2 2 5_原油高騰等の影響業種" xfId="8979"/>
    <cellStyle name="標準 3 2 2 2 2 2 2 6" xfId="3222"/>
    <cellStyle name="標準 3 2 2 2 2 2 2 7" xfId="6174"/>
    <cellStyle name="標準 3 2 2 2 2 2 2_原油高騰等の影響業種" xfId="8972"/>
    <cellStyle name="標準 3 2 2 2 2 2 3" xfId="459"/>
    <cellStyle name="標準 3 2 2 2 2 2 3 2" xfId="1197"/>
    <cellStyle name="標準 3 2 2 2 2 2 3 2 2" xfId="4149"/>
    <cellStyle name="標準 3 2 2 2 2 2 3 2 3" xfId="7101"/>
    <cellStyle name="標準 3 2 2 2 2 2 3 2_原油高騰等の影響業種" xfId="8981"/>
    <cellStyle name="標準 3 2 2 2 2 2 3 3" xfId="1935"/>
    <cellStyle name="標準 3 2 2 2 2 2 3 3 2" xfId="4887"/>
    <cellStyle name="標準 3 2 2 2 2 2 3 3 3" xfId="7839"/>
    <cellStyle name="標準 3 2 2 2 2 2 3 3_原油高騰等の影響業種" xfId="8982"/>
    <cellStyle name="標準 3 2 2 2 2 2 3 4" xfId="2673"/>
    <cellStyle name="標準 3 2 2 2 2 2 3 4 2" xfId="5625"/>
    <cellStyle name="標準 3 2 2 2 2 2 3 4 3" xfId="8577"/>
    <cellStyle name="標準 3 2 2 2 2 2 3 4_原油高騰等の影響業種" xfId="8983"/>
    <cellStyle name="標準 3 2 2 2 2 2 3 5" xfId="3411"/>
    <cellStyle name="標準 3 2 2 2 2 2 3 6" xfId="6363"/>
    <cellStyle name="標準 3 2 2 2 2 2 3_原油高騰等の影響業種" xfId="8980"/>
    <cellStyle name="標準 3 2 2 2 2 2 4" xfId="828"/>
    <cellStyle name="標準 3 2 2 2 2 2 4 2" xfId="3780"/>
    <cellStyle name="標準 3 2 2 2 2 2 4 3" xfId="6732"/>
    <cellStyle name="標準 3 2 2 2 2 2 4_原油高騰等の影響業種" xfId="8984"/>
    <cellStyle name="標準 3 2 2 2 2 2 5" xfId="1566"/>
    <cellStyle name="標準 3 2 2 2 2 2 5 2" xfId="4518"/>
    <cellStyle name="標準 3 2 2 2 2 2 5 3" xfId="7470"/>
    <cellStyle name="標準 3 2 2 2 2 2 5_原油高騰等の影響業種" xfId="8985"/>
    <cellStyle name="標準 3 2 2 2 2 2 6" xfId="2304"/>
    <cellStyle name="標準 3 2 2 2 2 2 6 2" xfId="5256"/>
    <cellStyle name="標準 3 2 2 2 2 2 6 3" xfId="8208"/>
    <cellStyle name="標準 3 2 2 2 2 2 6_原油高騰等の影響業種" xfId="8986"/>
    <cellStyle name="標準 3 2 2 2 2 2 7" xfId="3042"/>
    <cellStyle name="標準 3 2 2 2 2 2 8" xfId="5994"/>
    <cellStyle name="標準 3 2 2 2 2 2_原油高騰等の影響業種" xfId="8971"/>
    <cellStyle name="標準 3 2 2 2 2 3" xfId="131"/>
    <cellStyle name="標準 3 2 2 2 2 3 2" xfId="311"/>
    <cellStyle name="標準 3 2 2 2 2 3 2 2" xfId="684"/>
    <cellStyle name="標準 3 2 2 2 2 3 2 2 2" xfId="1422"/>
    <cellStyle name="標準 3 2 2 2 2 3 2 2 2 2" xfId="4374"/>
    <cellStyle name="標準 3 2 2 2 2 3 2 2 2 3" xfId="7326"/>
    <cellStyle name="標準 3 2 2 2 2 3 2 2 2_原油高騰等の影響業種" xfId="8990"/>
    <cellStyle name="標準 3 2 2 2 2 3 2 2 3" xfId="2160"/>
    <cellStyle name="標準 3 2 2 2 2 3 2 2 3 2" xfId="5112"/>
    <cellStyle name="標準 3 2 2 2 2 3 2 2 3 3" xfId="8064"/>
    <cellStyle name="標準 3 2 2 2 2 3 2 2 3_原油高騰等の影響業種" xfId="8991"/>
    <cellStyle name="標準 3 2 2 2 2 3 2 2 4" xfId="2898"/>
    <cellStyle name="標準 3 2 2 2 2 3 2 2 4 2" xfId="5850"/>
    <cellStyle name="標準 3 2 2 2 2 3 2 2 4 3" xfId="8802"/>
    <cellStyle name="標準 3 2 2 2 2 3 2 2 4_原油高騰等の影響業種" xfId="8992"/>
    <cellStyle name="標準 3 2 2 2 2 3 2 2 5" xfId="3636"/>
    <cellStyle name="標準 3 2 2 2 2 3 2 2 6" xfId="6588"/>
    <cellStyle name="標準 3 2 2 2 2 3 2 2_原油高騰等の影響業種" xfId="8989"/>
    <cellStyle name="標準 3 2 2 2 2 3 2 3" xfId="1053"/>
    <cellStyle name="標準 3 2 2 2 2 3 2 3 2" xfId="4005"/>
    <cellStyle name="標準 3 2 2 2 2 3 2 3 3" xfId="6957"/>
    <cellStyle name="標準 3 2 2 2 2 3 2 3_原油高騰等の影響業種" xfId="8993"/>
    <cellStyle name="標準 3 2 2 2 2 3 2 4" xfId="1791"/>
    <cellStyle name="標準 3 2 2 2 2 3 2 4 2" xfId="4743"/>
    <cellStyle name="標準 3 2 2 2 2 3 2 4 3" xfId="7695"/>
    <cellStyle name="標準 3 2 2 2 2 3 2 4_原油高騰等の影響業種" xfId="8994"/>
    <cellStyle name="標準 3 2 2 2 2 3 2 5" xfId="2529"/>
    <cellStyle name="標準 3 2 2 2 2 3 2 5 2" xfId="5481"/>
    <cellStyle name="標準 3 2 2 2 2 3 2 5 3" xfId="8433"/>
    <cellStyle name="標準 3 2 2 2 2 3 2 5_原油高騰等の影響業種" xfId="8995"/>
    <cellStyle name="標準 3 2 2 2 2 3 2 6" xfId="3267"/>
    <cellStyle name="標準 3 2 2 2 2 3 2 7" xfId="6219"/>
    <cellStyle name="標準 3 2 2 2 2 3 2_原油高騰等の影響業種" xfId="8988"/>
    <cellStyle name="標準 3 2 2 2 2 3 3" xfId="504"/>
    <cellStyle name="標準 3 2 2 2 2 3 3 2" xfId="1242"/>
    <cellStyle name="標準 3 2 2 2 2 3 3 2 2" xfId="4194"/>
    <cellStyle name="標準 3 2 2 2 2 3 3 2 3" xfId="7146"/>
    <cellStyle name="標準 3 2 2 2 2 3 3 2_原油高騰等の影響業種" xfId="8997"/>
    <cellStyle name="標準 3 2 2 2 2 3 3 3" xfId="1980"/>
    <cellStyle name="標準 3 2 2 2 2 3 3 3 2" xfId="4932"/>
    <cellStyle name="標準 3 2 2 2 2 3 3 3 3" xfId="7884"/>
    <cellStyle name="標準 3 2 2 2 2 3 3 3_原油高騰等の影響業種" xfId="8998"/>
    <cellStyle name="標準 3 2 2 2 2 3 3 4" xfId="2718"/>
    <cellStyle name="標準 3 2 2 2 2 3 3 4 2" xfId="5670"/>
    <cellStyle name="標準 3 2 2 2 2 3 3 4 3" xfId="8622"/>
    <cellStyle name="標準 3 2 2 2 2 3 3 4_原油高騰等の影響業種" xfId="8999"/>
    <cellStyle name="標準 3 2 2 2 2 3 3 5" xfId="3456"/>
    <cellStyle name="標準 3 2 2 2 2 3 3 6" xfId="6408"/>
    <cellStyle name="標準 3 2 2 2 2 3 3_原油高騰等の影響業種" xfId="8996"/>
    <cellStyle name="標準 3 2 2 2 2 3 4" xfId="873"/>
    <cellStyle name="標準 3 2 2 2 2 3 4 2" xfId="3825"/>
    <cellStyle name="標準 3 2 2 2 2 3 4 3" xfId="6777"/>
    <cellStyle name="標準 3 2 2 2 2 3 4_原油高騰等の影響業種" xfId="9000"/>
    <cellStyle name="標準 3 2 2 2 2 3 5" xfId="1611"/>
    <cellStyle name="標準 3 2 2 2 2 3 5 2" xfId="4563"/>
    <cellStyle name="標準 3 2 2 2 2 3 5 3" xfId="7515"/>
    <cellStyle name="標準 3 2 2 2 2 3 5_原油高騰等の影響業種" xfId="9001"/>
    <cellStyle name="標準 3 2 2 2 2 3 6" xfId="2349"/>
    <cellStyle name="標準 3 2 2 2 2 3 6 2" xfId="5301"/>
    <cellStyle name="標準 3 2 2 2 2 3 6 3" xfId="8253"/>
    <cellStyle name="標準 3 2 2 2 2 3 6_原油高騰等の影響業種" xfId="9002"/>
    <cellStyle name="標準 3 2 2 2 2 3 7" xfId="3087"/>
    <cellStyle name="標準 3 2 2 2 2 3 8" xfId="6039"/>
    <cellStyle name="標準 3 2 2 2 2 3_原油高騰等の影響業種" xfId="8987"/>
    <cellStyle name="標準 3 2 2 2 2 4" xfId="176"/>
    <cellStyle name="標準 3 2 2 2 2 4 2" xfId="356"/>
    <cellStyle name="標準 3 2 2 2 2 4 2 2" xfId="729"/>
    <cellStyle name="標準 3 2 2 2 2 4 2 2 2" xfId="1467"/>
    <cellStyle name="標準 3 2 2 2 2 4 2 2 2 2" xfId="4419"/>
    <cellStyle name="標準 3 2 2 2 2 4 2 2 2 3" xfId="7371"/>
    <cellStyle name="標準 3 2 2 2 2 4 2 2 2_原油高騰等の影響業種" xfId="9006"/>
    <cellStyle name="標準 3 2 2 2 2 4 2 2 3" xfId="2205"/>
    <cellStyle name="標準 3 2 2 2 2 4 2 2 3 2" xfId="5157"/>
    <cellStyle name="標準 3 2 2 2 2 4 2 2 3 3" xfId="8109"/>
    <cellStyle name="標準 3 2 2 2 2 4 2 2 3_原油高騰等の影響業種" xfId="9007"/>
    <cellStyle name="標準 3 2 2 2 2 4 2 2 4" xfId="2943"/>
    <cellStyle name="標準 3 2 2 2 2 4 2 2 4 2" xfId="5895"/>
    <cellStyle name="標準 3 2 2 2 2 4 2 2 4 3" xfId="8847"/>
    <cellStyle name="標準 3 2 2 2 2 4 2 2 4_原油高騰等の影響業種" xfId="9008"/>
    <cellStyle name="標準 3 2 2 2 2 4 2 2 5" xfId="3681"/>
    <cellStyle name="標準 3 2 2 2 2 4 2 2 6" xfId="6633"/>
    <cellStyle name="標準 3 2 2 2 2 4 2 2_原油高騰等の影響業種" xfId="9005"/>
    <cellStyle name="標準 3 2 2 2 2 4 2 3" xfId="1098"/>
    <cellStyle name="標準 3 2 2 2 2 4 2 3 2" xfId="4050"/>
    <cellStyle name="標準 3 2 2 2 2 4 2 3 3" xfId="7002"/>
    <cellStyle name="標準 3 2 2 2 2 4 2 3_原油高騰等の影響業種" xfId="9009"/>
    <cellStyle name="標準 3 2 2 2 2 4 2 4" xfId="1836"/>
    <cellStyle name="標準 3 2 2 2 2 4 2 4 2" xfId="4788"/>
    <cellStyle name="標準 3 2 2 2 2 4 2 4 3" xfId="7740"/>
    <cellStyle name="標準 3 2 2 2 2 4 2 4_原油高騰等の影響業種" xfId="9010"/>
    <cellStyle name="標準 3 2 2 2 2 4 2 5" xfId="2574"/>
    <cellStyle name="標準 3 2 2 2 2 4 2 5 2" xfId="5526"/>
    <cellStyle name="標準 3 2 2 2 2 4 2 5 3" xfId="8478"/>
    <cellStyle name="標準 3 2 2 2 2 4 2 5_原油高騰等の影響業種" xfId="9011"/>
    <cellStyle name="標準 3 2 2 2 2 4 2 6" xfId="3312"/>
    <cellStyle name="標準 3 2 2 2 2 4 2 7" xfId="6264"/>
    <cellStyle name="標準 3 2 2 2 2 4 2_原油高騰等の影響業種" xfId="9004"/>
    <cellStyle name="標準 3 2 2 2 2 4 3" xfId="549"/>
    <cellStyle name="標準 3 2 2 2 2 4 3 2" xfId="1287"/>
    <cellStyle name="標準 3 2 2 2 2 4 3 2 2" xfId="4239"/>
    <cellStyle name="標準 3 2 2 2 2 4 3 2 3" xfId="7191"/>
    <cellStyle name="標準 3 2 2 2 2 4 3 2_原油高騰等の影響業種" xfId="9013"/>
    <cellStyle name="標準 3 2 2 2 2 4 3 3" xfId="2025"/>
    <cellStyle name="標準 3 2 2 2 2 4 3 3 2" xfId="4977"/>
    <cellStyle name="標準 3 2 2 2 2 4 3 3 3" xfId="7929"/>
    <cellStyle name="標準 3 2 2 2 2 4 3 3_原油高騰等の影響業種" xfId="9014"/>
    <cellStyle name="標準 3 2 2 2 2 4 3 4" xfId="2763"/>
    <cellStyle name="標準 3 2 2 2 2 4 3 4 2" xfId="5715"/>
    <cellStyle name="標準 3 2 2 2 2 4 3 4 3" xfId="8667"/>
    <cellStyle name="標準 3 2 2 2 2 4 3 4_原油高騰等の影響業種" xfId="9015"/>
    <cellStyle name="標準 3 2 2 2 2 4 3 5" xfId="3501"/>
    <cellStyle name="標準 3 2 2 2 2 4 3 6" xfId="6453"/>
    <cellStyle name="標準 3 2 2 2 2 4 3_原油高騰等の影響業種" xfId="9012"/>
    <cellStyle name="標準 3 2 2 2 2 4 4" xfId="918"/>
    <cellStyle name="標準 3 2 2 2 2 4 4 2" xfId="3870"/>
    <cellStyle name="標準 3 2 2 2 2 4 4 3" xfId="6822"/>
    <cellStyle name="標準 3 2 2 2 2 4 4_原油高騰等の影響業種" xfId="9016"/>
    <cellStyle name="標準 3 2 2 2 2 4 5" xfId="1656"/>
    <cellStyle name="標準 3 2 2 2 2 4 5 2" xfId="4608"/>
    <cellStyle name="標準 3 2 2 2 2 4 5 3" xfId="7560"/>
    <cellStyle name="標準 3 2 2 2 2 4 5_原油高騰等の影響業種" xfId="9017"/>
    <cellStyle name="標準 3 2 2 2 2 4 6" xfId="2394"/>
    <cellStyle name="標準 3 2 2 2 2 4 6 2" xfId="5346"/>
    <cellStyle name="標準 3 2 2 2 2 4 6 3" xfId="8298"/>
    <cellStyle name="標準 3 2 2 2 2 4 6_原油高騰等の影響業種" xfId="9018"/>
    <cellStyle name="標準 3 2 2 2 2 4 7" xfId="3132"/>
    <cellStyle name="標準 3 2 2 2 2 4 8" xfId="6084"/>
    <cellStyle name="標準 3 2 2 2 2 4_原油高騰等の影響業種" xfId="9003"/>
    <cellStyle name="標準 3 2 2 2 2 5" xfId="221"/>
    <cellStyle name="標準 3 2 2 2 2 5 2" xfId="594"/>
    <cellStyle name="標準 3 2 2 2 2 5 2 2" xfId="1332"/>
    <cellStyle name="標準 3 2 2 2 2 5 2 2 2" xfId="4284"/>
    <cellStyle name="標準 3 2 2 2 2 5 2 2 3" xfId="7236"/>
    <cellStyle name="標準 3 2 2 2 2 5 2 2_原油高騰等の影響業種" xfId="9021"/>
    <cellStyle name="標準 3 2 2 2 2 5 2 3" xfId="2070"/>
    <cellStyle name="標準 3 2 2 2 2 5 2 3 2" xfId="5022"/>
    <cellStyle name="標準 3 2 2 2 2 5 2 3 3" xfId="7974"/>
    <cellStyle name="標準 3 2 2 2 2 5 2 3_原油高騰等の影響業種" xfId="9022"/>
    <cellStyle name="標準 3 2 2 2 2 5 2 4" xfId="2808"/>
    <cellStyle name="標準 3 2 2 2 2 5 2 4 2" xfId="5760"/>
    <cellStyle name="標準 3 2 2 2 2 5 2 4 3" xfId="8712"/>
    <cellStyle name="標準 3 2 2 2 2 5 2 4_原油高騰等の影響業種" xfId="9023"/>
    <cellStyle name="標準 3 2 2 2 2 5 2 5" xfId="3546"/>
    <cellStyle name="標準 3 2 2 2 2 5 2 6" xfId="6498"/>
    <cellStyle name="標準 3 2 2 2 2 5 2_原油高騰等の影響業種" xfId="9020"/>
    <cellStyle name="標準 3 2 2 2 2 5 3" xfId="963"/>
    <cellStyle name="標準 3 2 2 2 2 5 3 2" xfId="3915"/>
    <cellStyle name="標準 3 2 2 2 2 5 3 3" xfId="6867"/>
    <cellStyle name="標準 3 2 2 2 2 5 3_原油高騰等の影響業種" xfId="9024"/>
    <cellStyle name="標準 3 2 2 2 2 5 4" xfId="1701"/>
    <cellStyle name="標準 3 2 2 2 2 5 4 2" xfId="4653"/>
    <cellStyle name="標準 3 2 2 2 2 5 4 3" xfId="7605"/>
    <cellStyle name="標準 3 2 2 2 2 5 4_原油高騰等の影響業種" xfId="9025"/>
    <cellStyle name="標準 3 2 2 2 2 5 5" xfId="2439"/>
    <cellStyle name="標準 3 2 2 2 2 5 5 2" xfId="5391"/>
    <cellStyle name="標準 3 2 2 2 2 5 5 3" xfId="8343"/>
    <cellStyle name="標準 3 2 2 2 2 5 5_原油高騰等の影響業種" xfId="9026"/>
    <cellStyle name="標準 3 2 2 2 2 5 6" xfId="3177"/>
    <cellStyle name="標準 3 2 2 2 2 5 7" xfId="6129"/>
    <cellStyle name="標準 3 2 2 2 2 5_原油高騰等の影響業種" xfId="9019"/>
    <cellStyle name="標準 3 2 2 2 2 6" xfId="414"/>
    <cellStyle name="標準 3 2 2 2 2 6 2" xfId="1152"/>
    <cellStyle name="標準 3 2 2 2 2 6 2 2" xfId="4104"/>
    <cellStyle name="標準 3 2 2 2 2 6 2 3" xfId="7056"/>
    <cellStyle name="標準 3 2 2 2 2 6 2_原油高騰等の影響業種" xfId="9028"/>
    <cellStyle name="標準 3 2 2 2 2 6 3" xfId="1890"/>
    <cellStyle name="標準 3 2 2 2 2 6 3 2" xfId="4842"/>
    <cellStyle name="標準 3 2 2 2 2 6 3 3" xfId="7794"/>
    <cellStyle name="標準 3 2 2 2 2 6 3_原油高騰等の影響業種" xfId="9029"/>
    <cellStyle name="標準 3 2 2 2 2 6 4" xfId="2628"/>
    <cellStyle name="標準 3 2 2 2 2 6 4 2" xfId="5580"/>
    <cellStyle name="標準 3 2 2 2 2 6 4 3" xfId="8532"/>
    <cellStyle name="標準 3 2 2 2 2 6 4_原油高騰等の影響業種" xfId="9030"/>
    <cellStyle name="標準 3 2 2 2 2 6 5" xfId="3366"/>
    <cellStyle name="標準 3 2 2 2 2 6 6" xfId="6318"/>
    <cellStyle name="標準 3 2 2 2 2 6_原油高騰等の影響業種" xfId="9027"/>
    <cellStyle name="標準 3 2 2 2 2 7" xfId="783"/>
    <cellStyle name="標準 3 2 2 2 2 7 2" xfId="3735"/>
    <cellStyle name="標準 3 2 2 2 2 7 3" xfId="6687"/>
    <cellStyle name="標準 3 2 2 2 2 7_原油高騰等の影響業種" xfId="9031"/>
    <cellStyle name="標準 3 2 2 2 2 8" xfId="1521"/>
    <cellStyle name="標準 3 2 2 2 2 8 2" xfId="4473"/>
    <cellStyle name="標準 3 2 2 2 2 8 3" xfId="7425"/>
    <cellStyle name="標準 3 2 2 2 2 8_原油高騰等の影響業種" xfId="9032"/>
    <cellStyle name="標準 3 2 2 2 2 9" xfId="2259"/>
    <cellStyle name="標準 3 2 2 2 2 9 2" xfId="5211"/>
    <cellStyle name="標準 3 2 2 2 2 9 3" xfId="8163"/>
    <cellStyle name="標準 3 2 2 2 2 9_原油高騰等の影響業種" xfId="9033"/>
    <cellStyle name="標準 3 2 2 2 2_原油高騰等の影響業種" xfId="8970"/>
    <cellStyle name="標準 3 2 2 2 3" xfId="68"/>
    <cellStyle name="標準 3 2 2 2 3 2" xfId="248"/>
    <cellStyle name="標準 3 2 2 2 3 2 2" xfId="621"/>
    <cellStyle name="標準 3 2 2 2 3 2 2 2" xfId="1359"/>
    <cellStyle name="標準 3 2 2 2 3 2 2 2 2" xfId="4311"/>
    <cellStyle name="標準 3 2 2 2 3 2 2 2 3" xfId="7263"/>
    <cellStyle name="標準 3 2 2 2 3 2 2 2_原油高騰等の影響業種" xfId="9037"/>
    <cellStyle name="標準 3 2 2 2 3 2 2 3" xfId="2097"/>
    <cellStyle name="標準 3 2 2 2 3 2 2 3 2" xfId="5049"/>
    <cellStyle name="標準 3 2 2 2 3 2 2 3 3" xfId="8001"/>
    <cellStyle name="標準 3 2 2 2 3 2 2 3_原油高騰等の影響業種" xfId="9038"/>
    <cellStyle name="標準 3 2 2 2 3 2 2 4" xfId="2835"/>
    <cellStyle name="標準 3 2 2 2 3 2 2 4 2" xfId="5787"/>
    <cellStyle name="標準 3 2 2 2 3 2 2 4 3" xfId="8739"/>
    <cellStyle name="標準 3 2 2 2 3 2 2 4_原油高騰等の影響業種" xfId="9039"/>
    <cellStyle name="標準 3 2 2 2 3 2 2 5" xfId="3573"/>
    <cellStyle name="標準 3 2 2 2 3 2 2 6" xfId="6525"/>
    <cellStyle name="標準 3 2 2 2 3 2 2_原油高騰等の影響業種" xfId="9036"/>
    <cellStyle name="標準 3 2 2 2 3 2 3" xfId="990"/>
    <cellStyle name="標準 3 2 2 2 3 2 3 2" xfId="3942"/>
    <cellStyle name="標準 3 2 2 2 3 2 3 3" xfId="6894"/>
    <cellStyle name="標準 3 2 2 2 3 2 3_原油高騰等の影響業種" xfId="9040"/>
    <cellStyle name="標準 3 2 2 2 3 2 4" xfId="1728"/>
    <cellStyle name="標準 3 2 2 2 3 2 4 2" xfId="4680"/>
    <cellStyle name="標準 3 2 2 2 3 2 4 3" xfId="7632"/>
    <cellStyle name="標準 3 2 2 2 3 2 4_原油高騰等の影響業種" xfId="9041"/>
    <cellStyle name="標準 3 2 2 2 3 2 5" xfId="2466"/>
    <cellStyle name="標準 3 2 2 2 3 2 5 2" xfId="5418"/>
    <cellStyle name="標準 3 2 2 2 3 2 5 3" xfId="8370"/>
    <cellStyle name="標準 3 2 2 2 3 2 5_原油高騰等の影響業種" xfId="9042"/>
    <cellStyle name="標準 3 2 2 2 3 2 6" xfId="3204"/>
    <cellStyle name="標準 3 2 2 2 3 2 7" xfId="6156"/>
    <cellStyle name="標準 3 2 2 2 3 2_原油高騰等の影響業種" xfId="9035"/>
    <cellStyle name="標準 3 2 2 2 3 3" xfId="441"/>
    <cellStyle name="標準 3 2 2 2 3 3 2" xfId="1179"/>
    <cellStyle name="標準 3 2 2 2 3 3 2 2" xfId="4131"/>
    <cellStyle name="標準 3 2 2 2 3 3 2 3" xfId="7083"/>
    <cellStyle name="標準 3 2 2 2 3 3 2_原油高騰等の影響業種" xfId="9044"/>
    <cellStyle name="標準 3 2 2 2 3 3 3" xfId="1917"/>
    <cellStyle name="標準 3 2 2 2 3 3 3 2" xfId="4869"/>
    <cellStyle name="標準 3 2 2 2 3 3 3 3" xfId="7821"/>
    <cellStyle name="標準 3 2 2 2 3 3 3_原油高騰等の影響業種" xfId="9045"/>
    <cellStyle name="標準 3 2 2 2 3 3 4" xfId="2655"/>
    <cellStyle name="標準 3 2 2 2 3 3 4 2" xfId="5607"/>
    <cellStyle name="標準 3 2 2 2 3 3 4 3" xfId="8559"/>
    <cellStyle name="標準 3 2 2 2 3 3 4_原油高騰等の影響業種" xfId="9046"/>
    <cellStyle name="標準 3 2 2 2 3 3 5" xfId="3393"/>
    <cellStyle name="標準 3 2 2 2 3 3 6" xfId="6345"/>
    <cellStyle name="標準 3 2 2 2 3 3_原油高騰等の影響業種" xfId="9043"/>
    <cellStyle name="標準 3 2 2 2 3 4" xfId="810"/>
    <cellStyle name="標準 3 2 2 2 3 4 2" xfId="3762"/>
    <cellStyle name="標準 3 2 2 2 3 4 3" xfId="6714"/>
    <cellStyle name="標準 3 2 2 2 3 4_原油高騰等の影響業種" xfId="9047"/>
    <cellStyle name="標準 3 2 2 2 3 5" xfId="1548"/>
    <cellStyle name="標準 3 2 2 2 3 5 2" xfId="4500"/>
    <cellStyle name="標準 3 2 2 2 3 5 3" xfId="7452"/>
    <cellStyle name="標準 3 2 2 2 3 5_原油高騰等の影響業種" xfId="9048"/>
    <cellStyle name="標準 3 2 2 2 3 6" xfId="2286"/>
    <cellStyle name="標準 3 2 2 2 3 6 2" xfId="5238"/>
    <cellStyle name="標準 3 2 2 2 3 6 3" xfId="8190"/>
    <cellStyle name="標準 3 2 2 2 3 6_原油高騰等の影響業種" xfId="9049"/>
    <cellStyle name="標準 3 2 2 2 3 7" xfId="3024"/>
    <cellStyle name="標準 3 2 2 2 3 8" xfId="5976"/>
    <cellStyle name="標準 3 2 2 2 3_原油高騰等の影響業種" xfId="9034"/>
    <cellStyle name="標準 3 2 2 2 4" xfId="113"/>
    <cellStyle name="標準 3 2 2 2 4 2" xfId="293"/>
    <cellStyle name="標準 3 2 2 2 4 2 2" xfId="666"/>
    <cellStyle name="標準 3 2 2 2 4 2 2 2" xfId="1404"/>
    <cellStyle name="標準 3 2 2 2 4 2 2 2 2" xfId="4356"/>
    <cellStyle name="標準 3 2 2 2 4 2 2 2 3" xfId="7308"/>
    <cellStyle name="標準 3 2 2 2 4 2 2 2_原油高騰等の影響業種" xfId="9053"/>
    <cellStyle name="標準 3 2 2 2 4 2 2 3" xfId="2142"/>
    <cellStyle name="標準 3 2 2 2 4 2 2 3 2" xfId="5094"/>
    <cellStyle name="標準 3 2 2 2 4 2 2 3 3" xfId="8046"/>
    <cellStyle name="標準 3 2 2 2 4 2 2 3_原油高騰等の影響業種" xfId="9054"/>
    <cellStyle name="標準 3 2 2 2 4 2 2 4" xfId="2880"/>
    <cellStyle name="標準 3 2 2 2 4 2 2 4 2" xfId="5832"/>
    <cellStyle name="標準 3 2 2 2 4 2 2 4 3" xfId="8784"/>
    <cellStyle name="標準 3 2 2 2 4 2 2 4_原油高騰等の影響業種" xfId="9055"/>
    <cellStyle name="標準 3 2 2 2 4 2 2 5" xfId="3618"/>
    <cellStyle name="標準 3 2 2 2 4 2 2 6" xfId="6570"/>
    <cellStyle name="標準 3 2 2 2 4 2 2_原油高騰等の影響業種" xfId="9052"/>
    <cellStyle name="標準 3 2 2 2 4 2 3" xfId="1035"/>
    <cellStyle name="標準 3 2 2 2 4 2 3 2" xfId="3987"/>
    <cellStyle name="標準 3 2 2 2 4 2 3 3" xfId="6939"/>
    <cellStyle name="標準 3 2 2 2 4 2 3_原油高騰等の影響業種" xfId="9056"/>
    <cellStyle name="標準 3 2 2 2 4 2 4" xfId="1773"/>
    <cellStyle name="標準 3 2 2 2 4 2 4 2" xfId="4725"/>
    <cellStyle name="標準 3 2 2 2 4 2 4 3" xfId="7677"/>
    <cellStyle name="標準 3 2 2 2 4 2 4_原油高騰等の影響業種" xfId="9057"/>
    <cellStyle name="標準 3 2 2 2 4 2 5" xfId="2511"/>
    <cellStyle name="標準 3 2 2 2 4 2 5 2" xfId="5463"/>
    <cellStyle name="標準 3 2 2 2 4 2 5 3" xfId="8415"/>
    <cellStyle name="標準 3 2 2 2 4 2 5_原油高騰等の影響業種" xfId="9058"/>
    <cellStyle name="標準 3 2 2 2 4 2 6" xfId="3249"/>
    <cellStyle name="標準 3 2 2 2 4 2 7" xfId="6201"/>
    <cellStyle name="標準 3 2 2 2 4 2_原油高騰等の影響業種" xfId="9051"/>
    <cellStyle name="標準 3 2 2 2 4 3" xfId="486"/>
    <cellStyle name="標準 3 2 2 2 4 3 2" xfId="1224"/>
    <cellStyle name="標準 3 2 2 2 4 3 2 2" xfId="4176"/>
    <cellStyle name="標準 3 2 2 2 4 3 2 3" xfId="7128"/>
    <cellStyle name="標準 3 2 2 2 4 3 2_原油高騰等の影響業種" xfId="9060"/>
    <cellStyle name="標準 3 2 2 2 4 3 3" xfId="1962"/>
    <cellStyle name="標準 3 2 2 2 4 3 3 2" xfId="4914"/>
    <cellStyle name="標準 3 2 2 2 4 3 3 3" xfId="7866"/>
    <cellStyle name="標準 3 2 2 2 4 3 3_原油高騰等の影響業種" xfId="9061"/>
    <cellStyle name="標準 3 2 2 2 4 3 4" xfId="2700"/>
    <cellStyle name="標準 3 2 2 2 4 3 4 2" xfId="5652"/>
    <cellStyle name="標準 3 2 2 2 4 3 4 3" xfId="8604"/>
    <cellStyle name="標準 3 2 2 2 4 3 4_原油高騰等の影響業種" xfId="9062"/>
    <cellStyle name="標準 3 2 2 2 4 3 5" xfId="3438"/>
    <cellStyle name="標準 3 2 2 2 4 3 6" xfId="6390"/>
    <cellStyle name="標準 3 2 2 2 4 3_原油高騰等の影響業種" xfId="9059"/>
    <cellStyle name="標準 3 2 2 2 4 4" xfId="855"/>
    <cellStyle name="標準 3 2 2 2 4 4 2" xfId="3807"/>
    <cellStyle name="標準 3 2 2 2 4 4 3" xfId="6759"/>
    <cellStyle name="標準 3 2 2 2 4 4_原油高騰等の影響業種" xfId="9063"/>
    <cellStyle name="標準 3 2 2 2 4 5" xfId="1593"/>
    <cellStyle name="標準 3 2 2 2 4 5 2" xfId="4545"/>
    <cellStyle name="標準 3 2 2 2 4 5 3" xfId="7497"/>
    <cellStyle name="標準 3 2 2 2 4 5_原油高騰等の影響業種" xfId="9064"/>
    <cellStyle name="標準 3 2 2 2 4 6" xfId="2331"/>
    <cellStyle name="標準 3 2 2 2 4 6 2" xfId="5283"/>
    <cellStyle name="標準 3 2 2 2 4 6 3" xfId="8235"/>
    <cellStyle name="標準 3 2 2 2 4 6_原油高騰等の影響業種" xfId="9065"/>
    <cellStyle name="標準 3 2 2 2 4 7" xfId="3069"/>
    <cellStyle name="標準 3 2 2 2 4 8" xfId="6021"/>
    <cellStyle name="標準 3 2 2 2 4_原油高騰等の影響業種" xfId="9050"/>
    <cellStyle name="標準 3 2 2 2 5" xfId="158"/>
    <cellStyle name="標準 3 2 2 2 5 2" xfId="338"/>
    <cellStyle name="標準 3 2 2 2 5 2 2" xfId="711"/>
    <cellStyle name="標準 3 2 2 2 5 2 2 2" xfId="1449"/>
    <cellStyle name="標準 3 2 2 2 5 2 2 2 2" xfId="4401"/>
    <cellStyle name="標準 3 2 2 2 5 2 2 2 3" xfId="7353"/>
    <cellStyle name="標準 3 2 2 2 5 2 2 2_原油高騰等の影響業種" xfId="9069"/>
    <cellStyle name="標準 3 2 2 2 5 2 2 3" xfId="2187"/>
    <cellStyle name="標準 3 2 2 2 5 2 2 3 2" xfId="5139"/>
    <cellStyle name="標準 3 2 2 2 5 2 2 3 3" xfId="8091"/>
    <cellStyle name="標準 3 2 2 2 5 2 2 3_原油高騰等の影響業種" xfId="9070"/>
    <cellStyle name="標準 3 2 2 2 5 2 2 4" xfId="2925"/>
    <cellStyle name="標準 3 2 2 2 5 2 2 4 2" xfId="5877"/>
    <cellStyle name="標準 3 2 2 2 5 2 2 4 3" xfId="8829"/>
    <cellStyle name="標準 3 2 2 2 5 2 2 4_原油高騰等の影響業種" xfId="9071"/>
    <cellStyle name="標準 3 2 2 2 5 2 2 5" xfId="3663"/>
    <cellStyle name="標準 3 2 2 2 5 2 2 6" xfId="6615"/>
    <cellStyle name="標準 3 2 2 2 5 2 2_原油高騰等の影響業種" xfId="9068"/>
    <cellStyle name="標準 3 2 2 2 5 2 3" xfId="1080"/>
    <cellStyle name="標準 3 2 2 2 5 2 3 2" xfId="4032"/>
    <cellStyle name="標準 3 2 2 2 5 2 3 3" xfId="6984"/>
    <cellStyle name="標準 3 2 2 2 5 2 3_原油高騰等の影響業種" xfId="9072"/>
    <cellStyle name="標準 3 2 2 2 5 2 4" xfId="1818"/>
    <cellStyle name="標準 3 2 2 2 5 2 4 2" xfId="4770"/>
    <cellStyle name="標準 3 2 2 2 5 2 4 3" xfId="7722"/>
    <cellStyle name="標準 3 2 2 2 5 2 4_原油高騰等の影響業種" xfId="9073"/>
    <cellStyle name="標準 3 2 2 2 5 2 5" xfId="2556"/>
    <cellStyle name="標準 3 2 2 2 5 2 5 2" xfId="5508"/>
    <cellStyle name="標準 3 2 2 2 5 2 5 3" xfId="8460"/>
    <cellStyle name="標準 3 2 2 2 5 2 5_原油高騰等の影響業種" xfId="9074"/>
    <cellStyle name="標準 3 2 2 2 5 2 6" xfId="3294"/>
    <cellStyle name="標準 3 2 2 2 5 2 7" xfId="6246"/>
    <cellStyle name="標準 3 2 2 2 5 2_原油高騰等の影響業種" xfId="9067"/>
    <cellStyle name="標準 3 2 2 2 5 3" xfId="531"/>
    <cellStyle name="標準 3 2 2 2 5 3 2" xfId="1269"/>
    <cellStyle name="標準 3 2 2 2 5 3 2 2" xfId="4221"/>
    <cellStyle name="標準 3 2 2 2 5 3 2 3" xfId="7173"/>
    <cellStyle name="標準 3 2 2 2 5 3 2_原油高騰等の影響業種" xfId="9076"/>
    <cellStyle name="標準 3 2 2 2 5 3 3" xfId="2007"/>
    <cellStyle name="標準 3 2 2 2 5 3 3 2" xfId="4959"/>
    <cellStyle name="標準 3 2 2 2 5 3 3 3" xfId="7911"/>
    <cellStyle name="標準 3 2 2 2 5 3 3_原油高騰等の影響業種" xfId="9077"/>
    <cellStyle name="標準 3 2 2 2 5 3 4" xfId="2745"/>
    <cellStyle name="標準 3 2 2 2 5 3 4 2" xfId="5697"/>
    <cellStyle name="標準 3 2 2 2 5 3 4 3" xfId="8649"/>
    <cellStyle name="標準 3 2 2 2 5 3 4_原油高騰等の影響業種" xfId="9078"/>
    <cellStyle name="標準 3 2 2 2 5 3 5" xfId="3483"/>
    <cellStyle name="標準 3 2 2 2 5 3 6" xfId="6435"/>
    <cellStyle name="標準 3 2 2 2 5 3_原油高騰等の影響業種" xfId="9075"/>
    <cellStyle name="標準 3 2 2 2 5 4" xfId="900"/>
    <cellStyle name="標準 3 2 2 2 5 4 2" xfId="3852"/>
    <cellStyle name="標準 3 2 2 2 5 4 3" xfId="6804"/>
    <cellStyle name="標準 3 2 2 2 5 4_原油高騰等の影響業種" xfId="9079"/>
    <cellStyle name="標準 3 2 2 2 5 5" xfId="1638"/>
    <cellStyle name="標準 3 2 2 2 5 5 2" xfId="4590"/>
    <cellStyle name="標準 3 2 2 2 5 5 3" xfId="7542"/>
    <cellStyle name="標準 3 2 2 2 5 5_原油高騰等の影響業種" xfId="9080"/>
    <cellStyle name="標準 3 2 2 2 5 6" xfId="2376"/>
    <cellStyle name="標準 3 2 2 2 5 6 2" xfId="5328"/>
    <cellStyle name="標準 3 2 2 2 5 6 3" xfId="8280"/>
    <cellStyle name="標準 3 2 2 2 5 6_原油高騰等の影響業種" xfId="9081"/>
    <cellStyle name="標準 3 2 2 2 5 7" xfId="3114"/>
    <cellStyle name="標準 3 2 2 2 5 8" xfId="6066"/>
    <cellStyle name="標準 3 2 2 2 5_原油高騰等の影響業種" xfId="9066"/>
    <cellStyle name="標準 3 2 2 2 6" xfId="203"/>
    <cellStyle name="標準 3 2 2 2 6 2" xfId="576"/>
    <cellStyle name="標準 3 2 2 2 6 2 2" xfId="1314"/>
    <cellStyle name="標準 3 2 2 2 6 2 2 2" xfId="4266"/>
    <cellStyle name="標準 3 2 2 2 6 2 2 3" xfId="7218"/>
    <cellStyle name="標準 3 2 2 2 6 2 2_原油高騰等の影響業種" xfId="9084"/>
    <cellStyle name="標準 3 2 2 2 6 2 3" xfId="2052"/>
    <cellStyle name="標準 3 2 2 2 6 2 3 2" xfId="5004"/>
    <cellStyle name="標準 3 2 2 2 6 2 3 3" xfId="7956"/>
    <cellStyle name="標準 3 2 2 2 6 2 3_原油高騰等の影響業種" xfId="9085"/>
    <cellStyle name="標準 3 2 2 2 6 2 4" xfId="2790"/>
    <cellStyle name="標準 3 2 2 2 6 2 4 2" xfId="5742"/>
    <cellStyle name="標準 3 2 2 2 6 2 4 3" xfId="8694"/>
    <cellStyle name="標準 3 2 2 2 6 2 4_原油高騰等の影響業種" xfId="9086"/>
    <cellStyle name="標準 3 2 2 2 6 2 5" xfId="3528"/>
    <cellStyle name="標準 3 2 2 2 6 2 6" xfId="6480"/>
    <cellStyle name="標準 3 2 2 2 6 2_原油高騰等の影響業種" xfId="9083"/>
    <cellStyle name="標準 3 2 2 2 6 3" xfId="945"/>
    <cellStyle name="標準 3 2 2 2 6 3 2" xfId="3897"/>
    <cellStyle name="標準 3 2 2 2 6 3 3" xfId="6849"/>
    <cellStyle name="標準 3 2 2 2 6 3_原油高騰等の影響業種" xfId="9087"/>
    <cellStyle name="標準 3 2 2 2 6 4" xfId="1683"/>
    <cellStyle name="標準 3 2 2 2 6 4 2" xfId="4635"/>
    <cellStyle name="標準 3 2 2 2 6 4 3" xfId="7587"/>
    <cellStyle name="標準 3 2 2 2 6 4_原油高騰等の影響業種" xfId="9088"/>
    <cellStyle name="標準 3 2 2 2 6 5" xfId="2421"/>
    <cellStyle name="標準 3 2 2 2 6 5 2" xfId="5373"/>
    <cellStyle name="標準 3 2 2 2 6 5 3" xfId="8325"/>
    <cellStyle name="標準 3 2 2 2 6 5_原油高騰等の影響業種" xfId="9089"/>
    <cellStyle name="標準 3 2 2 2 6 6" xfId="3159"/>
    <cellStyle name="標準 3 2 2 2 6 7" xfId="6111"/>
    <cellStyle name="標準 3 2 2 2 6_原油高騰等の影響業種" xfId="9082"/>
    <cellStyle name="標準 3 2 2 2 7" xfId="396"/>
    <cellStyle name="標準 3 2 2 2 7 2" xfId="1134"/>
    <cellStyle name="標準 3 2 2 2 7 2 2" xfId="4086"/>
    <cellStyle name="標準 3 2 2 2 7 2 3" xfId="7038"/>
    <cellStyle name="標準 3 2 2 2 7 2_原油高騰等の影響業種" xfId="9091"/>
    <cellStyle name="標準 3 2 2 2 7 3" xfId="1872"/>
    <cellStyle name="標準 3 2 2 2 7 3 2" xfId="4824"/>
    <cellStyle name="標準 3 2 2 2 7 3 3" xfId="7776"/>
    <cellStyle name="標準 3 2 2 2 7 3_原油高騰等の影響業種" xfId="9092"/>
    <cellStyle name="標準 3 2 2 2 7 4" xfId="2610"/>
    <cellStyle name="標準 3 2 2 2 7 4 2" xfId="5562"/>
    <cellStyle name="標準 3 2 2 2 7 4 3" xfId="8514"/>
    <cellStyle name="標準 3 2 2 2 7 4_原油高騰等の影響業種" xfId="9093"/>
    <cellStyle name="標準 3 2 2 2 7 5" xfId="3348"/>
    <cellStyle name="標準 3 2 2 2 7 6" xfId="6300"/>
    <cellStyle name="標準 3 2 2 2 7_原油高騰等の影響業種" xfId="9090"/>
    <cellStyle name="標準 3 2 2 2 8" xfId="765"/>
    <cellStyle name="標準 3 2 2 2 8 2" xfId="3717"/>
    <cellStyle name="標準 3 2 2 2 8 3" xfId="6669"/>
    <cellStyle name="標準 3 2 2 2 8_原油高騰等の影響業種" xfId="9094"/>
    <cellStyle name="標準 3 2 2 2 9" xfId="1503"/>
    <cellStyle name="標準 3 2 2 2 9 2" xfId="4455"/>
    <cellStyle name="標準 3 2 2 2 9 3" xfId="7407"/>
    <cellStyle name="標準 3 2 2 2 9_原油高騰等の影響業種" xfId="9095"/>
    <cellStyle name="標準 3 2 2 2_原油高騰等の影響業種" xfId="8968"/>
    <cellStyle name="標準 3 2 2 3" xfId="32"/>
    <cellStyle name="標準 3 2 2 3 10" xfId="2988"/>
    <cellStyle name="標準 3 2 2 3 11" xfId="5940"/>
    <cellStyle name="標準 3 2 2 3 2" xfId="77"/>
    <cellStyle name="標準 3 2 2 3 2 2" xfId="257"/>
    <cellStyle name="標準 3 2 2 3 2 2 2" xfId="630"/>
    <cellStyle name="標準 3 2 2 3 2 2 2 2" xfId="1368"/>
    <cellStyle name="標準 3 2 2 3 2 2 2 2 2" xfId="4320"/>
    <cellStyle name="標準 3 2 2 3 2 2 2 2 3" xfId="7272"/>
    <cellStyle name="標準 3 2 2 3 2 2 2 2_原油高騰等の影響業種" xfId="9100"/>
    <cellStyle name="標準 3 2 2 3 2 2 2 3" xfId="2106"/>
    <cellStyle name="標準 3 2 2 3 2 2 2 3 2" xfId="5058"/>
    <cellStyle name="標準 3 2 2 3 2 2 2 3 3" xfId="8010"/>
    <cellStyle name="標準 3 2 2 3 2 2 2 3_原油高騰等の影響業種" xfId="9101"/>
    <cellStyle name="標準 3 2 2 3 2 2 2 4" xfId="2844"/>
    <cellStyle name="標準 3 2 2 3 2 2 2 4 2" xfId="5796"/>
    <cellStyle name="標準 3 2 2 3 2 2 2 4 3" xfId="8748"/>
    <cellStyle name="標準 3 2 2 3 2 2 2 4_原油高騰等の影響業種" xfId="9102"/>
    <cellStyle name="標準 3 2 2 3 2 2 2 5" xfId="3582"/>
    <cellStyle name="標準 3 2 2 3 2 2 2 6" xfId="6534"/>
    <cellStyle name="標準 3 2 2 3 2 2 2_原油高騰等の影響業種" xfId="9099"/>
    <cellStyle name="標準 3 2 2 3 2 2 3" xfId="999"/>
    <cellStyle name="標準 3 2 2 3 2 2 3 2" xfId="3951"/>
    <cellStyle name="標準 3 2 2 3 2 2 3 3" xfId="6903"/>
    <cellStyle name="標準 3 2 2 3 2 2 3_原油高騰等の影響業種" xfId="9103"/>
    <cellStyle name="標準 3 2 2 3 2 2 4" xfId="1737"/>
    <cellStyle name="標準 3 2 2 3 2 2 4 2" xfId="4689"/>
    <cellStyle name="標準 3 2 2 3 2 2 4 3" xfId="7641"/>
    <cellStyle name="標準 3 2 2 3 2 2 4_原油高騰等の影響業種" xfId="9104"/>
    <cellStyle name="標準 3 2 2 3 2 2 5" xfId="2475"/>
    <cellStyle name="標準 3 2 2 3 2 2 5 2" xfId="5427"/>
    <cellStyle name="標準 3 2 2 3 2 2 5 3" xfId="8379"/>
    <cellStyle name="標準 3 2 2 3 2 2 5_原油高騰等の影響業種" xfId="9105"/>
    <cellStyle name="標準 3 2 2 3 2 2 6" xfId="3213"/>
    <cellStyle name="標準 3 2 2 3 2 2 7" xfId="6165"/>
    <cellStyle name="標準 3 2 2 3 2 2_原油高騰等の影響業種" xfId="9098"/>
    <cellStyle name="標準 3 2 2 3 2 3" xfId="450"/>
    <cellStyle name="標準 3 2 2 3 2 3 2" xfId="1188"/>
    <cellStyle name="標準 3 2 2 3 2 3 2 2" xfId="4140"/>
    <cellStyle name="標準 3 2 2 3 2 3 2 3" xfId="7092"/>
    <cellStyle name="標準 3 2 2 3 2 3 2_原油高騰等の影響業種" xfId="9107"/>
    <cellStyle name="標準 3 2 2 3 2 3 3" xfId="1926"/>
    <cellStyle name="標準 3 2 2 3 2 3 3 2" xfId="4878"/>
    <cellStyle name="標準 3 2 2 3 2 3 3 3" xfId="7830"/>
    <cellStyle name="標準 3 2 2 3 2 3 3_原油高騰等の影響業種" xfId="9108"/>
    <cellStyle name="標準 3 2 2 3 2 3 4" xfId="2664"/>
    <cellStyle name="標準 3 2 2 3 2 3 4 2" xfId="5616"/>
    <cellStyle name="標準 3 2 2 3 2 3 4 3" xfId="8568"/>
    <cellStyle name="標準 3 2 2 3 2 3 4_原油高騰等の影響業種" xfId="9109"/>
    <cellStyle name="標準 3 2 2 3 2 3 5" xfId="3402"/>
    <cellStyle name="標準 3 2 2 3 2 3 6" xfId="6354"/>
    <cellStyle name="標準 3 2 2 3 2 3_原油高騰等の影響業種" xfId="9106"/>
    <cellStyle name="標準 3 2 2 3 2 4" xfId="819"/>
    <cellStyle name="標準 3 2 2 3 2 4 2" xfId="3771"/>
    <cellStyle name="標準 3 2 2 3 2 4 3" xfId="6723"/>
    <cellStyle name="標準 3 2 2 3 2 4_原油高騰等の影響業種" xfId="9110"/>
    <cellStyle name="標準 3 2 2 3 2 5" xfId="1557"/>
    <cellStyle name="標準 3 2 2 3 2 5 2" xfId="4509"/>
    <cellStyle name="標準 3 2 2 3 2 5 3" xfId="7461"/>
    <cellStyle name="標準 3 2 2 3 2 5_原油高騰等の影響業種" xfId="9111"/>
    <cellStyle name="標準 3 2 2 3 2 6" xfId="2295"/>
    <cellStyle name="標準 3 2 2 3 2 6 2" xfId="5247"/>
    <cellStyle name="標準 3 2 2 3 2 6 3" xfId="8199"/>
    <cellStyle name="標準 3 2 2 3 2 6_原油高騰等の影響業種" xfId="9112"/>
    <cellStyle name="標準 3 2 2 3 2 7" xfId="3033"/>
    <cellStyle name="標準 3 2 2 3 2 8" xfId="5985"/>
    <cellStyle name="標準 3 2 2 3 2_原油高騰等の影響業種" xfId="9097"/>
    <cellStyle name="標準 3 2 2 3 3" xfId="122"/>
    <cellStyle name="標準 3 2 2 3 3 2" xfId="302"/>
    <cellStyle name="標準 3 2 2 3 3 2 2" xfId="675"/>
    <cellStyle name="標準 3 2 2 3 3 2 2 2" xfId="1413"/>
    <cellStyle name="標準 3 2 2 3 3 2 2 2 2" xfId="4365"/>
    <cellStyle name="標準 3 2 2 3 3 2 2 2 3" xfId="7317"/>
    <cellStyle name="標準 3 2 2 3 3 2 2 2_原油高騰等の影響業種" xfId="9116"/>
    <cellStyle name="標準 3 2 2 3 3 2 2 3" xfId="2151"/>
    <cellStyle name="標準 3 2 2 3 3 2 2 3 2" xfId="5103"/>
    <cellStyle name="標準 3 2 2 3 3 2 2 3 3" xfId="8055"/>
    <cellStyle name="標準 3 2 2 3 3 2 2 3_原油高騰等の影響業種" xfId="9117"/>
    <cellStyle name="標準 3 2 2 3 3 2 2 4" xfId="2889"/>
    <cellStyle name="標準 3 2 2 3 3 2 2 4 2" xfId="5841"/>
    <cellStyle name="標準 3 2 2 3 3 2 2 4 3" xfId="8793"/>
    <cellStyle name="標準 3 2 2 3 3 2 2 4_原油高騰等の影響業種" xfId="9118"/>
    <cellStyle name="標準 3 2 2 3 3 2 2 5" xfId="3627"/>
    <cellStyle name="標準 3 2 2 3 3 2 2 6" xfId="6579"/>
    <cellStyle name="標準 3 2 2 3 3 2 2_原油高騰等の影響業種" xfId="9115"/>
    <cellStyle name="標準 3 2 2 3 3 2 3" xfId="1044"/>
    <cellStyle name="標準 3 2 2 3 3 2 3 2" xfId="3996"/>
    <cellStyle name="標準 3 2 2 3 3 2 3 3" xfId="6948"/>
    <cellStyle name="標準 3 2 2 3 3 2 3_原油高騰等の影響業種" xfId="9119"/>
    <cellStyle name="標準 3 2 2 3 3 2 4" xfId="1782"/>
    <cellStyle name="標準 3 2 2 3 3 2 4 2" xfId="4734"/>
    <cellStyle name="標準 3 2 2 3 3 2 4 3" xfId="7686"/>
    <cellStyle name="標準 3 2 2 3 3 2 4_原油高騰等の影響業種" xfId="9120"/>
    <cellStyle name="標準 3 2 2 3 3 2 5" xfId="2520"/>
    <cellStyle name="標準 3 2 2 3 3 2 5 2" xfId="5472"/>
    <cellStyle name="標準 3 2 2 3 3 2 5 3" xfId="8424"/>
    <cellStyle name="標準 3 2 2 3 3 2 5_原油高騰等の影響業種" xfId="9121"/>
    <cellStyle name="標準 3 2 2 3 3 2 6" xfId="3258"/>
    <cellStyle name="標準 3 2 2 3 3 2 7" xfId="6210"/>
    <cellStyle name="標準 3 2 2 3 3 2_原油高騰等の影響業種" xfId="9114"/>
    <cellStyle name="標準 3 2 2 3 3 3" xfId="495"/>
    <cellStyle name="標準 3 2 2 3 3 3 2" xfId="1233"/>
    <cellStyle name="標準 3 2 2 3 3 3 2 2" xfId="4185"/>
    <cellStyle name="標準 3 2 2 3 3 3 2 3" xfId="7137"/>
    <cellStyle name="標準 3 2 2 3 3 3 2_原油高騰等の影響業種" xfId="9123"/>
    <cellStyle name="標準 3 2 2 3 3 3 3" xfId="1971"/>
    <cellStyle name="標準 3 2 2 3 3 3 3 2" xfId="4923"/>
    <cellStyle name="標準 3 2 2 3 3 3 3 3" xfId="7875"/>
    <cellStyle name="標準 3 2 2 3 3 3 3_原油高騰等の影響業種" xfId="9124"/>
    <cellStyle name="標準 3 2 2 3 3 3 4" xfId="2709"/>
    <cellStyle name="標準 3 2 2 3 3 3 4 2" xfId="5661"/>
    <cellStyle name="標準 3 2 2 3 3 3 4 3" xfId="8613"/>
    <cellStyle name="標準 3 2 2 3 3 3 4_原油高騰等の影響業種" xfId="9125"/>
    <cellStyle name="標準 3 2 2 3 3 3 5" xfId="3447"/>
    <cellStyle name="標準 3 2 2 3 3 3 6" xfId="6399"/>
    <cellStyle name="標準 3 2 2 3 3 3_原油高騰等の影響業種" xfId="9122"/>
    <cellStyle name="標準 3 2 2 3 3 4" xfId="864"/>
    <cellStyle name="標準 3 2 2 3 3 4 2" xfId="3816"/>
    <cellStyle name="標準 3 2 2 3 3 4 3" xfId="6768"/>
    <cellStyle name="標準 3 2 2 3 3 4_原油高騰等の影響業種" xfId="9126"/>
    <cellStyle name="標準 3 2 2 3 3 5" xfId="1602"/>
    <cellStyle name="標準 3 2 2 3 3 5 2" xfId="4554"/>
    <cellStyle name="標準 3 2 2 3 3 5 3" xfId="7506"/>
    <cellStyle name="標準 3 2 2 3 3 5_原油高騰等の影響業種" xfId="9127"/>
    <cellStyle name="標準 3 2 2 3 3 6" xfId="2340"/>
    <cellStyle name="標準 3 2 2 3 3 6 2" xfId="5292"/>
    <cellStyle name="標準 3 2 2 3 3 6 3" xfId="8244"/>
    <cellStyle name="標準 3 2 2 3 3 6_原油高騰等の影響業種" xfId="9128"/>
    <cellStyle name="標準 3 2 2 3 3 7" xfId="3078"/>
    <cellStyle name="標準 3 2 2 3 3 8" xfId="6030"/>
    <cellStyle name="標準 3 2 2 3 3_原油高騰等の影響業種" xfId="9113"/>
    <cellStyle name="標準 3 2 2 3 4" xfId="167"/>
    <cellStyle name="標準 3 2 2 3 4 2" xfId="347"/>
    <cellStyle name="標準 3 2 2 3 4 2 2" xfId="720"/>
    <cellStyle name="標準 3 2 2 3 4 2 2 2" xfId="1458"/>
    <cellStyle name="標準 3 2 2 3 4 2 2 2 2" xfId="4410"/>
    <cellStyle name="標準 3 2 2 3 4 2 2 2 3" xfId="7362"/>
    <cellStyle name="標準 3 2 2 3 4 2 2 2_原油高騰等の影響業種" xfId="9132"/>
    <cellStyle name="標準 3 2 2 3 4 2 2 3" xfId="2196"/>
    <cellStyle name="標準 3 2 2 3 4 2 2 3 2" xfId="5148"/>
    <cellStyle name="標準 3 2 2 3 4 2 2 3 3" xfId="8100"/>
    <cellStyle name="標準 3 2 2 3 4 2 2 3_原油高騰等の影響業種" xfId="9133"/>
    <cellStyle name="標準 3 2 2 3 4 2 2 4" xfId="2934"/>
    <cellStyle name="標準 3 2 2 3 4 2 2 4 2" xfId="5886"/>
    <cellStyle name="標準 3 2 2 3 4 2 2 4 3" xfId="8838"/>
    <cellStyle name="標準 3 2 2 3 4 2 2 4_原油高騰等の影響業種" xfId="9134"/>
    <cellStyle name="標準 3 2 2 3 4 2 2 5" xfId="3672"/>
    <cellStyle name="標準 3 2 2 3 4 2 2 6" xfId="6624"/>
    <cellStyle name="標準 3 2 2 3 4 2 2_原油高騰等の影響業種" xfId="9131"/>
    <cellStyle name="標準 3 2 2 3 4 2 3" xfId="1089"/>
    <cellStyle name="標準 3 2 2 3 4 2 3 2" xfId="4041"/>
    <cellStyle name="標準 3 2 2 3 4 2 3 3" xfId="6993"/>
    <cellStyle name="標準 3 2 2 3 4 2 3_原油高騰等の影響業種" xfId="9135"/>
    <cellStyle name="標準 3 2 2 3 4 2 4" xfId="1827"/>
    <cellStyle name="標準 3 2 2 3 4 2 4 2" xfId="4779"/>
    <cellStyle name="標準 3 2 2 3 4 2 4 3" xfId="7731"/>
    <cellStyle name="標準 3 2 2 3 4 2 4_原油高騰等の影響業種" xfId="9136"/>
    <cellStyle name="標準 3 2 2 3 4 2 5" xfId="2565"/>
    <cellStyle name="標準 3 2 2 3 4 2 5 2" xfId="5517"/>
    <cellStyle name="標準 3 2 2 3 4 2 5 3" xfId="8469"/>
    <cellStyle name="標準 3 2 2 3 4 2 5_原油高騰等の影響業種" xfId="9137"/>
    <cellStyle name="標準 3 2 2 3 4 2 6" xfId="3303"/>
    <cellStyle name="標準 3 2 2 3 4 2 7" xfId="6255"/>
    <cellStyle name="標準 3 2 2 3 4 2_原油高騰等の影響業種" xfId="9130"/>
    <cellStyle name="標準 3 2 2 3 4 3" xfId="540"/>
    <cellStyle name="標準 3 2 2 3 4 3 2" xfId="1278"/>
    <cellStyle name="標準 3 2 2 3 4 3 2 2" xfId="4230"/>
    <cellStyle name="標準 3 2 2 3 4 3 2 3" xfId="7182"/>
    <cellStyle name="標準 3 2 2 3 4 3 2_原油高騰等の影響業種" xfId="9139"/>
    <cellStyle name="標準 3 2 2 3 4 3 3" xfId="2016"/>
    <cellStyle name="標準 3 2 2 3 4 3 3 2" xfId="4968"/>
    <cellStyle name="標準 3 2 2 3 4 3 3 3" xfId="7920"/>
    <cellStyle name="標準 3 2 2 3 4 3 3_原油高騰等の影響業種" xfId="9140"/>
    <cellStyle name="標準 3 2 2 3 4 3 4" xfId="2754"/>
    <cellStyle name="標準 3 2 2 3 4 3 4 2" xfId="5706"/>
    <cellStyle name="標準 3 2 2 3 4 3 4 3" xfId="8658"/>
    <cellStyle name="標準 3 2 2 3 4 3 4_原油高騰等の影響業種" xfId="9141"/>
    <cellStyle name="標準 3 2 2 3 4 3 5" xfId="3492"/>
    <cellStyle name="標準 3 2 2 3 4 3 6" xfId="6444"/>
    <cellStyle name="標準 3 2 2 3 4 3_原油高騰等の影響業種" xfId="9138"/>
    <cellStyle name="標準 3 2 2 3 4 4" xfId="909"/>
    <cellStyle name="標準 3 2 2 3 4 4 2" xfId="3861"/>
    <cellStyle name="標準 3 2 2 3 4 4 3" xfId="6813"/>
    <cellStyle name="標準 3 2 2 3 4 4_原油高騰等の影響業種" xfId="9142"/>
    <cellStyle name="標準 3 2 2 3 4 5" xfId="1647"/>
    <cellStyle name="標準 3 2 2 3 4 5 2" xfId="4599"/>
    <cellStyle name="標準 3 2 2 3 4 5 3" xfId="7551"/>
    <cellStyle name="標準 3 2 2 3 4 5_原油高騰等の影響業種" xfId="9143"/>
    <cellStyle name="標準 3 2 2 3 4 6" xfId="2385"/>
    <cellStyle name="標準 3 2 2 3 4 6 2" xfId="5337"/>
    <cellStyle name="標準 3 2 2 3 4 6 3" xfId="8289"/>
    <cellStyle name="標準 3 2 2 3 4 6_原油高騰等の影響業種" xfId="9144"/>
    <cellStyle name="標準 3 2 2 3 4 7" xfId="3123"/>
    <cellStyle name="標準 3 2 2 3 4 8" xfId="6075"/>
    <cellStyle name="標準 3 2 2 3 4_原油高騰等の影響業種" xfId="9129"/>
    <cellStyle name="標準 3 2 2 3 5" xfId="212"/>
    <cellStyle name="標準 3 2 2 3 5 2" xfId="585"/>
    <cellStyle name="標準 3 2 2 3 5 2 2" xfId="1323"/>
    <cellStyle name="標準 3 2 2 3 5 2 2 2" xfId="4275"/>
    <cellStyle name="標準 3 2 2 3 5 2 2 3" xfId="7227"/>
    <cellStyle name="標準 3 2 2 3 5 2 2_原油高騰等の影響業種" xfId="9147"/>
    <cellStyle name="標準 3 2 2 3 5 2 3" xfId="2061"/>
    <cellStyle name="標準 3 2 2 3 5 2 3 2" xfId="5013"/>
    <cellStyle name="標準 3 2 2 3 5 2 3 3" xfId="7965"/>
    <cellStyle name="標準 3 2 2 3 5 2 3_原油高騰等の影響業種" xfId="9148"/>
    <cellStyle name="標準 3 2 2 3 5 2 4" xfId="2799"/>
    <cellStyle name="標準 3 2 2 3 5 2 4 2" xfId="5751"/>
    <cellStyle name="標準 3 2 2 3 5 2 4 3" xfId="8703"/>
    <cellStyle name="標準 3 2 2 3 5 2 4_原油高騰等の影響業種" xfId="9149"/>
    <cellStyle name="標準 3 2 2 3 5 2 5" xfId="3537"/>
    <cellStyle name="標準 3 2 2 3 5 2 6" xfId="6489"/>
    <cellStyle name="標準 3 2 2 3 5 2_原油高騰等の影響業種" xfId="9146"/>
    <cellStyle name="標準 3 2 2 3 5 3" xfId="954"/>
    <cellStyle name="標準 3 2 2 3 5 3 2" xfId="3906"/>
    <cellStyle name="標準 3 2 2 3 5 3 3" xfId="6858"/>
    <cellStyle name="標準 3 2 2 3 5 3_原油高騰等の影響業種" xfId="9150"/>
    <cellStyle name="標準 3 2 2 3 5 4" xfId="1692"/>
    <cellStyle name="標準 3 2 2 3 5 4 2" xfId="4644"/>
    <cellStyle name="標準 3 2 2 3 5 4 3" xfId="7596"/>
    <cellStyle name="標準 3 2 2 3 5 4_原油高騰等の影響業種" xfId="9151"/>
    <cellStyle name="標準 3 2 2 3 5 5" xfId="2430"/>
    <cellStyle name="標準 3 2 2 3 5 5 2" xfId="5382"/>
    <cellStyle name="標準 3 2 2 3 5 5 3" xfId="8334"/>
    <cellStyle name="標準 3 2 2 3 5 5_原油高騰等の影響業種" xfId="9152"/>
    <cellStyle name="標準 3 2 2 3 5 6" xfId="3168"/>
    <cellStyle name="標準 3 2 2 3 5 7" xfId="6120"/>
    <cellStyle name="標準 3 2 2 3 5_原油高騰等の影響業種" xfId="9145"/>
    <cellStyle name="標準 3 2 2 3 6" xfId="405"/>
    <cellStyle name="標準 3 2 2 3 6 2" xfId="1143"/>
    <cellStyle name="標準 3 2 2 3 6 2 2" xfId="4095"/>
    <cellStyle name="標準 3 2 2 3 6 2 3" xfId="7047"/>
    <cellStyle name="標準 3 2 2 3 6 2_原油高騰等の影響業種" xfId="9154"/>
    <cellStyle name="標準 3 2 2 3 6 3" xfId="1881"/>
    <cellStyle name="標準 3 2 2 3 6 3 2" xfId="4833"/>
    <cellStyle name="標準 3 2 2 3 6 3 3" xfId="7785"/>
    <cellStyle name="標準 3 2 2 3 6 3_原油高騰等の影響業種" xfId="9155"/>
    <cellStyle name="標準 3 2 2 3 6 4" xfId="2619"/>
    <cellStyle name="標準 3 2 2 3 6 4 2" xfId="5571"/>
    <cellStyle name="標準 3 2 2 3 6 4 3" xfId="8523"/>
    <cellStyle name="標準 3 2 2 3 6 4_原油高騰等の影響業種" xfId="9156"/>
    <cellStyle name="標準 3 2 2 3 6 5" xfId="3357"/>
    <cellStyle name="標準 3 2 2 3 6 6" xfId="6309"/>
    <cellStyle name="標準 3 2 2 3 6_原油高騰等の影響業種" xfId="9153"/>
    <cellStyle name="標準 3 2 2 3 7" xfId="774"/>
    <cellStyle name="標準 3 2 2 3 7 2" xfId="3726"/>
    <cellStyle name="標準 3 2 2 3 7 3" xfId="6678"/>
    <cellStyle name="標準 3 2 2 3 7_原油高騰等の影響業種" xfId="9157"/>
    <cellStyle name="標準 3 2 2 3 8" xfId="1512"/>
    <cellStyle name="標準 3 2 2 3 8 2" xfId="4464"/>
    <cellStyle name="標準 3 2 2 3 8 3" xfId="7416"/>
    <cellStyle name="標準 3 2 2 3 8_原油高騰等の影響業種" xfId="9158"/>
    <cellStyle name="標準 3 2 2 3 9" xfId="2250"/>
    <cellStyle name="標準 3 2 2 3 9 2" xfId="5202"/>
    <cellStyle name="標準 3 2 2 3 9 3" xfId="8154"/>
    <cellStyle name="標準 3 2 2 3 9_原油高騰等の影響業種" xfId="9159"/>
    <cellStyle name="標準 3 2 2 3_原油高騰等の影響業種" xfId="9096"/>
    <cellStyle name="標準 3 2 2 4" xfId="50"/>
    <cellStyle name="標準 3 2 2 4 10" xfId="3006"/>
    <cellStyle name="標準 3 2 2 4 11" xfId="5958"/>
    <cellStyle name="標準 3 2 2 4 2" xfId="95"/>
    <cellStyle name="標準 3 2 2 4 2 2" xfId="275"/>
    <cellStyle name="標準 3 2 2 4 2 2 2" xfId="648"/>
    <cellStyle name="標準 3 2 2 4 2 2 2 2" xfId="1386"/>
    <cellStyle name="標準 3 2 2 4 2 2 2 2 2" xfId="4338"/>
    <cellStyle name="標準 3 2 2 4 2 2 2 2 3" xfId="7290"/>
    <cellStyle name="標準 3 2 2 4 2 2 2 2_原油高騰等の影響業種" xfId="9164"/>
    <cellStyle name="標準 3 2 2 4 2 2 2 3" xfId="2124"/>
    <cellStyle name="標準 3 2 2 4 2 2 2 3 2" xfId="5076"/>
    <cellStyle name="標準 3 2 2 4 2 2 2 3 3" xfId="8028"/>
    <cellStyle name="標準 3 2 2 4 2 2 2 3_原油高騰等の影響業種" xfId="9165"/>
    <cellStyle name="標準 3 2 2 4 2 2 2 4" xfId="2862"/>
    <cellStyle name="標準 3 2 2 4 2 2 2 4 2" xfId="5814"/>
    <cellStyle name="標準 3 2 2 4 2 2 2 4 3" xfId="8766"/>
    <cellStyle name="標準 3 2 2 4 2 2 2 4_原油高騰等の影響業種" xfId="9166"/>
    <cellStyle name="標準 3 2 2 4 2 2 2 5" xfId="3600"/>
    <cellStyle name="標準 3 2 2 4 2 2 2 6" xfId="6552"/>
    <cellStyle name="標準 3 2 2 4 2 2 2_原油高騰等の影響業種" xfId="9163"/>
    <cellStyle name="標準 3 2 2 4 2 2 3" xfId="1017"/>
    <cellStyle name="標準 3 2 2 4 2 2 3 2" xfId="3969"/>
    <cellStyle name="標準 3 2 2 4 2 2 3 3" xfId="6921"/>
    <cellStyle name="標準 3 2 2 4 2 2 3_原油高騰等の影響業種" xfId="9167"/>
    <cellStyle name="標準 3 2 2 4 2 2 4" xfId="1755"/>
    <cellStyle name="標準 3 2 2 4 2 2 4 2" xfId="4707"/>
    <cellStyle name="標準 3 2 2 4 2 2 4 3" xfId="7659"/>
    <cellStyle name="標準 3 2 2 4 2 2 4_原油高騰等の影響業種" xfId="9168"/>
    <cellStyle name="標準 3 2 2 4 2 2 5" xfId="2493"/>
    <cellStyle name="標準 3 2 2 4 2 2 5 2" xfId="5445"/>
    <cellStyle name="標準 3 2 2 4 2 2 5 3" xfId="8397"/>
    <cellStyle name="標準 3 2 2 4 2 2 5_原油高騰等の影響業種" xfId="9169"/>
    <cellStyle name="標準 3 2 2 4 2 2 6" xfId="3231"/>
    <cellStyle name="標準 3 2 2 4 2 2 7" xfId="6183"/>
    <cellStyle name="標準 3 2 2 4 2 2_原油高騰等の影響業種" xfId="9162"/>
    <cellStyle name="標準 3 2 2 4 2 3" xfId="468"/>
    <cellStyle name="標準 3 2 2 4 2 3 2" xfId="1206"/>
    <cellStyle name="標準 3 2 2 4 2 3 2 2" xfId="4158"/>
    <cellStyle name="標準 3 2 2 4 2 3 2 3" xfId="7110"/>
    <cellStyle name="標準 3 2 2 4 2 3 2_原油高騰等の影響業種" xfId="9171"/>
    <cellStyle name="標準 3 2 2 4 2 3 3" xfId="1944"/>
    <cellStyle name="標準 3 2 2 4 2 3 3 2" xfId="4896"/>
    <cellStyle name="標準 3 2 2 4 2 3 3 3" xfId="7848"/>
    <cellStyle name="標準 3 2 2 4 2 3 3_原油高騰等の影響業種" xfId="9172"/>
    <cellStyle name="標準 3 2 2 4 2 3 4" xfId="2682"/>
    <cellStyle name="標準 3 2 2 4 2 3 4 2" xfId="5634"/>
    <cellStyle name="標準 3 2 2 4 2 3 4 3" xfId="8586"/>
    <cellStyle name="標準 3 2 2 4 2 3 4_原油高騰等の影響業種" xfId="9173"/>
    <cellStyle name="標準 3 2 2 4 2 3 5" xfId="3420"/>
    <cellStyle name="標準 3 2 2 4 2 3 6" xfId="6372"/>
    <cellStyle name="標準 3 2 2 4 2 3_原油高騰等の影響業種" xfId="9170"/>
    <cellStyle name="標準 3 2 2 4 2 4" xfId="837"/>
    <cellStyle name="標準 3 2 2 4 2 4 2" xfId="3789"/>
    <cellStyle name="標準 3 2 2 4 2 4 3" xfId="6741"/>
    <cellStyle name="標準 3 2 2 4 2 4_原油高騰等の影響業種" xfId="9174"/>
    <cellStyle name="標準 3 2 2 4 2 5" xfId="1575"/>
    <cellStyle name="標準 3 2 2 4 2 5 2" xfId="4527"/>
    <cellStyle name="標準 3 2 2 4 2 5 3" xfId="7479"/>
    <cellStyle name="標準 3 2 2 4 2 5_原油高騰等の影響業種" xfId="9175"/>
    <cellStyle name="標準 3 2 2 4 2 6" xfId="2313"/>
    <cellStyle name="標準 3 2 2 4 2 6 2" xfId="5265"/>
    <cellStyle name="標準 3 2 2 4 2 6 3" xfId="8217"/>
    <cellStyle name="標準 3 2 2 4 2 6_原油高騰等の影響業種" xfId="9176"/>
    <cellStyle name="標準 3 2 2 4 2 7" xfId="3051"/>
    <cellStyle name="標準 3 2 2 4 2 8" xfId="6003"/>
    <cellStyle name="標準 3 2 2 4 2_原油高騰等の影響業種" xfId="9161"/>
    <cellStyle name="標準 3 2 2 4 3" xfId="140"/>
    <cellStyle name="標準 3 2 2 4 3 2" xfId="320"/>
    <cellStyle name="標準 3 2 2 4 3 2 2" xfId="693"/>
    <cellStyle name="標準 3 2 2 4 3 2 2 2" xfId="1431"/>
    <cellStyle name="標準 3 2 2 4 3 2 2 2 2" xfId="4383"/>
    <cellStyle name="標準 3 2 2 4 3 2 2 2 3" xfId="7335"/>
    <cellStyle name="標準 3 2 2 4 3 2 2 2_原油高騰等の影響業種" xfId="9180"/>
    <cellStyle name="標準 3 2 2 4 3 2 2 3" xfId="2169"/>
    <cellStyle name="標準 3 2 2 4 3 2 2 3 2" xfId="5121"/>
    <cellStyle name="標準 3 2 2 4 3 2 2 3 3" xfId="8073"/>
    <cellStyle name="標準 3 2 2 4 3 2 2 3_原油高騰等の影響業種" xfId="9181"/>
    <cellStyle name="標準 3 2 2 4 3 2 2 4" xfId="2907"/>
    <cellStyle name="標準 3 2 2 4 3 2 2 4 2" xfId="5859"/>
    <cellStyle name="標準 3 2 2 4 3 2 2 4 3" xfId="8811"/>
    <cellStyle name="標準 3 2 2 4 3 2 2 4_原油高騰等の影響業種" xfId="9182"/>
    <cellStyle name="標準 3 2 2 4 3 2 2 5" xfId="3645"/>
    <cellStyle name="標準 3 2 2 4 3 2 2 6" xfId="6597"/>
    <cellStyle name="標準 3 2 2 4 3 2 2_原油高騰等の影響業種" xfId="9179"/>
    <cellStyle name="標準 3 2 2 4 3 2 3" xfId="1062"/>
    <cellStyle name="標準 3 2 2 4 3 2 3 2" xfId="4014"/>
    <cellStyle name="標準 3 2 2 4 3 2 3 3" xfId="6966"/>
    <cellStyle name="標準 3 2 2 4 3 2 3_原油高騰等の影響業種" xfId="9183"/>
    <cellStyle name="標準 3 2 2 4 3 2 4" xfId="1800"/>
    <cellStyle name="標準 3 2 2 4 3 2 4 2" xfId="4752"/>
    <cellStyle name="標準 3 2 2 4 3 2 4 3" xfId="7704"/>
    <cellStyle name="標準 3 2 2 4 3 2 4_原油高騰等の影響業種" xfId="9184"/>
    <cellStyle name="標準 3 2 2 4 3 2 5" xfId="2538"/>
    <cellStyle name="標準 3 2 2 4 3 2 5 2" xfId="5490"/>
    <cellStyle name="標準 3 2 2 4 3 2 5 3" xfId="8442"/>
    <cellStyle name="標準 3 2 2 4 3 2 5_原油高騰等の影響業種" xfId="9185"/>
    <cellStyle name="標準 3 2 2 4 3 2 6" xfId="3276"/>
    <cellStyle name="標準 3 2 2 4 3 2 7" xfId="6228"/>
    <cellStyle name="標準 3 2 2 4 3 2_原油高騰等の影響業種" xfId="9178"/>
    <cellStyle name="標準 3 2 2 4 3 3" xfId="513"/>
    <cellStyle name="標準 3 2 2 4 3 3 2" xfId="1251"/>
    <cellStyle name="標準 3 2 2 4 3 3 2 2" xfId="4203"/>
    <cellStyle name="標準 3 2 2 4 3 3 2 3" xfId="7155"/>
    <cellStyle name="標準 3 2 2 4 3 3 2_原油高騰等の影響業種" xfId="9187"/>
    <cellStyle name="標準 3 2 2 4 3 3 3" xfId="1989"/>
    <cellStyle name="標準 3 2 2 4 3 3 3 2" xfId="4941"/>
    <cellStyle name="標準 3 2 2 4 3 3 3 3" xfId="7893"/>
    <cellStyle name="標準 3 2 2 4 3 3 3_原油高騰等の影響業種" xfId="9188"/>
    <cellStyle name="標準 3 2 2 4 3 3 4" xfId="2727"/>
    <cellStyle name="標準 3 2 2 4 3 3 4 2" xfId="5679"/>
    <cellStyle name="標準 3 2 2 4 3 3 4 3" xfId="8631"/>
    <cellStyle name="標準 3 2 2 4 3 3 4_原油高騰等の影響業種" xfId="9189"/>
    <cellStyle name="標準 3 2 2 4 3 3 5" xfId="3465"/>
    <cellStyle name="標準 3 2 2 4 3 3 6" xfId="6417"/>
    <cellStyle name="標準 3 2 2 4 3 3_原油高騰等の影響業種" xfId="9186"/>
    <cellStyle name="標準 3 2 2 4 3 4" xfId="882"/>
    <cellStyle name="標準 3 2 2 4 3 4 2" xfId="3834"/>
    <cellStyle name="標準 3 2 2 4 3 4 3" xfId="6786"/>
    <cellStyle name="標準 3 2 2 4 3 4_原油高騰等の影響業種" xfId="9190"/>
    <cellStyle name="標準 3 2 2 4 3 5" xfId="1620"/>
    <cellStyle name="標準 3 2 2 4 3 5 2" xfId="4572"/>
    <cellStyle name="標準 3 2 2 4 3 5 3" xfId="7524"/>
    <cellStyle name="標準 3 2 2 4 3 5_原油高騰等の影響業種" xfId="9191"/>
    <cellStyle name="標準 3 2 2 4 3 6" xfId="2358"/>
    <cellStyle name="標準 3 2 2 4 3 6 2" xfId="5310"/>
    <cellStyle name="標準 3 2 2 4 3 6 3" xfId="8262"/>
    <cellStyle name="標準 3 2 2 4 3 6_原油高騰等の影響業種" xfId="9192"/>
    <cellStyle name="標準 3 2 2 4 3 7" xfId="3096"/>
    <cellStyle name="標準 3 2 2 4 3 8" xfId="6048"/>
    <cellStyle name="標準 3 2 2 4 3_原油高騰等の影響業種" xfId="9177"/>
    <cellStyle name="標準 3 2 2 4 4" xfId="185"/>
    <cellStyle name="標準 3 2 2 4 4 2" xfId="365"/>
    <cellStyle name="標準 3 2 2 4 4 2 2" xfId="738"/>
    <cellStyle name="標準 3 2 2 4 4 2 2 2" xfId="1476"/>
    <cellStyle name="標準 3 2 2 4 4 2 2 2 2" xfId="4428"/>
    <cellStyle name="標準 3 2 2 4 4 2 2 2 3" xfId="7380"/>
    <cellStyle name="標準 3 2 2 4 4 2 2 2_原油高騰等の影響業種" xfId="9196"/>
    <cellStyle name="標準 3 2 2 4 4 2 2 3" xfId="2214"/>
    <cellStyle name="標準 3 2 2 4 4 2 2 3 2" xfId="5166"/>
    <cellStyle name="標準 3 2 2 4 4 2 2 3 3" xfId="8118"/>
    <cellStyle name="標準 3 2 2 4 4 2 2 3_原油高騰等の影響業種" xfId="9197"/>
    <cellStyle name="標準 3 2 2 4 4 2 2 4" xfId="2952"/>
    <cellStyle name="標準 3 2 2 4 4 2 2 4 2" xfId="5904"/>
    <cellStyle name="標準 3 2 2 4 4 2 2 4 3" xfId="8856"/>
    <cellStyle name="標準 3 2 2 4 4 2 2 4_原油高騰等の影響業種" xfId="9198"/>
    <cellStyle name="標準 3 2 2 4 4 2 2 5" xfId="3690"/>
    <cellStyle name="標準 3 2 2 4 4 2 2 6" xfId="6642"/>
    <cellStyle name="標準 3 2 2 4 4 2 2_原油高騰等の影響業種" xfId="9195"/>
    <cellStyle name="標準 3 2 2 4 4 2 3" xfId="1107"/>
    <cellStyle name="標準 3 2 2 4 4 2 3 2" xfId="4059"/>
    <cellStyle name="標準 3 2 2 4 4 2 3 3" xfId="7011"/>
    <cellStyle name="標準 3 2 2 4 4 2 3_原油高騰等の影響業種" xfId="9199"/>
    <cellStyle name="標準 3 2 2 4 4 2 4" xfId="1845"/>
    <cellStyle name="標準 3 2 2 4 4 2 4 2" xfId="4797"/>
    <cellStyle name="標準 3 2 2 4 4 2 4 3" xfId="7749"/>
    <cellStyle name="標準 3 2 2 4 4 2 4_原油高騰等の影響業種" xfId="9200"/>
    <cellStyle name="標準 3 2 2 4 4 2 5" xfId="2583"/>
    <cellStyle name="標準 3 2 2 4 4 2 5 2" xfId="5535"/>
    <cellStyle name="標準 3 2 2 4 4 2 5 3" xfId="8487"/>
    <cellStyle name="標準 3 2 2 4 4 2 5_原油高騰等の影響業種" xfId="9201"/>
    <cellStyle name="標準 3 2 2 4 4 2 6" xfId="3321"/>
    <cellStyle name="標準 3 2 2 4 4 2 7" xfId="6273"/>
    <cellStyle name="標準 3 2 2 4 4 2_原油高騰等の影響業種" xfId="9194"/>
    <cellStyle name="標準 3 2 2 4 4 3" xfId="558"/>
    <cellStyle name="標準 3 2 2 4 4 3 2" xfId="1296"/>
    <cellStyle name="標準 3 2 2 4 4 3 2 2" xfId="4248"/>
    <cellStyle name="標準 3 2 2 4 4 3 2 3" xfId="7200"/>
    <cellStyle name="標準 3 2 2 4 4 3 2_原油高騰等の影響業種" xfId="9203"/>
    <cellStyle name="標準 3 2 2 4 4 3 3" xfId="2034"/>
    <cellStyle name="標準 3 2 2 4 4 3 3 2" xfId="4986"/>
    <cellStyle name="標準 3 2 2 4 4 3 3 3" xfId="7938"/>
    <cellStyle name="標準 3 2 2 4 4 3 3_原油高騰等の影響業種" xfId="9204"/>
    <cellStyle name="標準 3 2 2 4 4 3 4" xfId="2772"/>
    <cellStyle name="標準 3 2 2 4 4 3 4 2" xfId="5724"/>
    <cellStyle name="標準 3 2 2 4 4 3 4 3" xfId="8676"/>
    <cellStyle name="標準 3 2 2 4 4 3 4_原油高騰等の影響業種" xfId="9205"/>
    <cellStyle name="標準 3 2 2 4 4 3 5" xfId="3510"/>
    <cellStyle name="標準 3 2 2 4 4 3 6" xfId="6462"/>
    <cellStyle name="標準 3 2 2 4 4 3_原油高騰等の影響業種" xfId="9202"/>
    <cellStyle name="標準 3 2 2 4 4 4" xfId="927"/>
    <cellStyle name="標準 3 2 2 4 4 4 2" xfId="3879"/>
    <cellStyle name="標準 3 2 2 4 4 4 3" xfId="6831"/>
    <cellStyle name="標準 3 2 2 4 4 4_原油高騰等の影響業種" xfId="9206"/>
    <cellStyle name="標準 3 2 2 4 4 5" xfId="1665"/>
    <cellStyle name="標準 3 2 2 4 4 5 2" xfId="4617"/>
    <cellStyle name="標準 3 2 2 4 4 5 3" xfId="7569"/>
    <cellStyle name="標準 3 2 2 4 4 5_原油高騰等の影響業種" xfId="9207"/>
    <cellStyle name="標準 3 2 2 4 4 6" xfId="2403"/>
    <cellStyle name="標準 3 2 2 4 4 6 2" xfId="5355"/>
    <cellStyle name="標準 3 2 2 4 4 6 3" xfId="8307"/>
    <cellStyle name="標準 3 2 2 4 4 6_原油高騰等の影響業種" xfId="9208"/>
    <cellStyle name="標準 3 2 2 4 4 7" xfId="3141"/>
    <cellStyle name="標準 3 2 2 4 4 8" xfId="6093"/>
    <cellStyle name="標準 3 2 2 4 4_原油高騰等の影響業種" xfId="9193"/>
    <cellStyle name="標準 3 2 2 4 5" xfId="230"/>
    <cellStyle name="標準 3 2 2 4 5 2" xfId="603"/>
    <cellStyle name="標準 3 2 2 4 5 2 2" xfId="1341"/>
    <cellStyle name="標準 3 2 2 4 5 2 2 2" xfId="4293"/>
    <cellStyle name="標準 3 2 2 4 5 2 2 3" xfId="7245"/>
    <cellStyle name="標準 3 2 2 4 5 2 2_原油高騰等の影響業種" xfId="9211"/>
    <cellStyle name="標準 3 2 2 4 5 2 3" xfId="2079"/>
    <cellStyle name="標準 3 2 2 4 5 2 3 2" xfId="5031"/>
    <cellStyle name="標準 3 2 2 4 5 2 3 3" xfId="7983"/>
    <cellStyle name="標準 3 2 2 4 5 2 3_原油高騰等の影響業種" xfId="9212"/>
    <cellStyle name="標準 3 2 2 4 5 2 4" xfId="2817"/>
    <cellStyle name="標準 3 2 2 4 5 2 4 2" xfId="5769"/>
    <cellStyle name="標準 3 2 2 4 5 2 4 3" xfId="8721"/>
    <cellStyle name="標準 3 2 2 4 5 2 4_原油高騰等の影響業種" xfId="9213"/>
    <cellStyle name="標準 3 2 2 4 5 2 5" xfId="3555"/>
    <cellStyle name="標準 3 2 2 4 5 2 6" xfId="6507"/>
    <cellStyle name="標準 3 2 2 4 5 2_原油高騰等の影響業種" xfId="9210"/>
    <cellStyle name="標準 3 2 2 4 5 3" xfId="972"/>
    <cellStyle name="標準 3 2 2 4 5 3 2" xfId="3924"/>
    <cellStyle name="標準 3 2 2 4 5 3 3" xfId="6876"/>
    <cellStyle name="標準 3 2 2 4 5 3_原油高騰等の影響業種" xfId="9214"/>
    <cellStyle name="標準 3 2 2 4 5 4" xfId="1710"/>
    <cellStyle name="標準 3 2 2 4 5 4 2" xfId="4662"/>
    <cellStyle name="標準 3 2 2 4 5 4 3" xfId="7614"/>
    <cellStyle name="標準 3 2 2 4 5 4_原油高騰等の影響業種" xfId="9215"/>
    <cellStyle name="標準 3 2 2 4 5 5" xfId="2448"/>
    <cellStyle name="標準 3 2 2 4 5 5 2" xfId="5400"/>
    <cellStyle name="標準 3 2 2 4 5 5 3" xfId="8352"/>
    <cellStyle name="標準 3 2 2 4 5 5_原油高騰等の影響業種" xfId="9216"/>
    <cellStyle name="標準 3 2 2 4 5 6" xfId="3186"/>
    <cellStyle name="標準 3 2 2 4 5 7" xfId="6138"/>
    <cellStyle name="標準 3 2 2 4 5_原油高騰等の影響業種" xfId="9209"/>
    <cellStyle name="標準 3 2 2 4 6" xfId="423"/>
    <cellStyle name="標準 3 2 2 4 6 2" xfId="1161"/>
    <cellStyle name="標準 3 2 2 4 6 2 2" xfId="4113"/>
    <cellStyle name="標準 3 2 2 4 6 2 3" xfId="7065"/>
    <cellStyle name="標準 3 2 2 4 6 2_原油高騰等の影響業種" xfId="9218"/>
    <cellStyle name="標準 3 2 2 4 6 3" xfId="1899"/>
    <cellStyle name="標準 3 2 2 4 6 3 2" xfId="4851"/>
    <cellStyle name="標準 3 2 2 4 6 3 3" xfId="7803"/>
    <cellStyle name="標準 3 2 2 4 6 3_原油高騰等の影響業種" xfId="9219"/>
    <cellStyle name="標準 3 2 2 4 6 4" xfId="2637"/>
    <cellStyle name="標準 3 2 2 4 6 4 2" xfId="5589"/>
    <cellStyle name="標準 3 2 2 4 6 4 3" xfId="8541"/>
    <cellStyle name="標準 3 2 2 4 6 4_原油高騰等の影響業種" xfId="9220"/>
    <cellStyle name="標準 3 2 2 4 6 5" xfId="3375"/>
    <cellStyle name="標準 3 2 2 4 6 6" xfId="6327"/>
    <cellStyle name="標準 3 2 2 4 6_原油高騰等の影響業種" xfId="9217"/>
    <cellStyle name="標準 3 2 2 4 7" xfId="792"/>
    <cellStyle name="標準 3 2 2 4 7 2" xfId="3744"/>
    <cellStyle name="標準 3 2 2 4 7 3" xfId="6696"/>
    <cellStyle name="標準 3 2 2 4 7_原油高騰等の影響業種" xfId="9221"/>
    <cellStyle name="標準 3 2 2 4 8" xfId="1530"/>
    <cellStyle name="標準 3 2 2 4 8 2" xfId="4482"/>
    <cellStyle name="標準 3 2 2 4 8 3" xfId="7434"/>
    <cellStyle name="標準 3 2 2 4 8_原油高騰等の影響業種" xfId="9222"/>
    <cellStyle name="標準 3 2 2 4 9" xfId="2268"/>
    <cellStyle name="標準 3 2 2 4 9 2" xfId="5220"/>
    <cellStyle name="標準 3 2 2 4 9 3" xfId="8172"/>
    <cellStyle name="標準 3 2 2 4 9_原油高騰等の影響業種" xfId="9223"/>
    <cellStyle name="標準 3 2 2 4_原油高騰等の影響業種" xfId="9160"/>
    <cellStyle name="標準 3 2 2 5" xfId="59"/>
    <cellStyle name="標準 3 2 2 5 2" xfId="239"/>
    <cellStyle name="標準 3 2 2 5 2 2" xfId="612"/>
    <cellStyle name="標準 3 2 2 5 2 2 2" xfId="1350"/>
    <cellStyle name="標準 3 2 2 5 2 2 2 2" xfId="4302"/>
    <cellStyle name="標準 3 2 2 5 2 2 2 3" xfId="7254"/>
    <cellStyle name="標準 3 2 2 5 2 2 2_原油高騰等の影響業種" xfId="9227"/>
    <cellStyle name="標準 3 2 2 5 2 2 3" xfId="2088"/>
    <cellStyle name="標準 3 2 2 5 2 2 3 2" xfId="5040"/>
    <cellStyle name="標準 3 2 2 5 2 2 3 3" xfId="7992"/>
    <cellStyle name="標準 3 2 2 5 2 2 3_原油高騰等の影響業種" xfId="9228"/>
    <cellStyle name="標準 3 2 2 5 2 2 4" xfId="2826"/>
    <cellStyle name="標準 3 2 2 5 2 2 4 2" xfId="5778"/>
    <cellStyle name="標準 3 2 2 5 2 2 4 3" xfId="8730"/>
    <cellStyle name="標準 3 2 2 5 2 2 4_原油高騰等の影響業種" xfId="9229"/>
    <cellStyle name="標準 3 2 2 5 2 2 5" xfId="3564"/>
    <cellStyle name="標準 3 2 2 5 2 2 6" xfId="6516"/>
    <cellStyle name="標準 3 2 2 5 2 2_原油高騰等の影響業種" xfId="9226"/>
    <cellStyle name="標準 3 2 2 5 2 3" xfId="981"/>
    <cellStyle name="標準 3 2 2 5 2 3 2" xfId="3933"/>
    <cellStyle name="標準 3 2 2 5 2 3 3" xfId="6885"/>
    <cellStyle name="標準 3 2 2 5 2 3_原油高騰等の影響業種" xfId="9230"/>
    <cellStyle name="標準 3 2 2 5 2 4" xfId="1719"/>
    <cellStyle name="標準 3 2 2 5 2 4 2" xfId="4671"/>
    <cellStyle name="標準 3 2 2 5 2 4 3" xfId="7623"/>
    <cellStyle name="標準 3 2 2 5 2 4_原油高騰等の影響業種" xfId="9231"/>
    <cellStyle name="標準 3 2 2 5 2 5" xfId="2457"/>
    <cellStyle name="標準 3 2 2 5 2 5 2" xfId="5409"/>
    <cellStyle name="標準 3 2 2 5 2 5 3" xfId="8361"/>
    <cellStyle name="標準 3 2 2 5 2 5_原油高騰等の影響業種" xfId="9232"/>
    <cellStyle name="標準 3 2 2 5 2 6" xfId="3195"/>
    <cellStyle name="標準 3 2 2 5 2 7" xfId="6147"/>
    <cellStyle name="標準 3 2 2 5 2_原油高騰等の影響業種" xfId="9225"/>
    <cellStyle name="標準 3 2 2 5 3" xfId="432"/>
    <cellStyle name="標準 3 2 2 5 3 2" xfId="1170"/>
    <cellStyle name="標準 3 2 2 5 3 2 2" xfId="4122"/>
    <cellStyle name="標準 3 2 2 5 3 2 3" xfId="7074"/>
    <cellStyle name="標準 3 2 2 5 3 2_原油高騰等の影響業種" xfId="9234"/>
    <cellStyle name="標準 3 2 2 5 3 3" xfId="1908"/>
    <cellStyle name="標準 3 2 2 5 3 3 2" xfId="4860"/>
    <cellStyle name="標準 3 2 2 5 3 3 3" xfId="7812"/>
    <cellStyle name="標準 3 2 2 5 3 3_原油高騰等の影響業種" xfId="9235"/>
    <cellStyle name="標準 3 2 2 5 3 4" xfId="2646"/>
    <cellStyle name="標準 3 2 2 5 3 4 2" xfId="5598"/>
    <cellStyle name="標準 3 2 2 5 3 4 3" xfId="8550"/>
    <cellStyle name="標準 3 2 2 5 3 4_原油高騰等の影響業種" xfId="9236"/>
    <cellStyle name="標準 3 2 2 5 3 5" xfId="3384"/>
    <cellStyle name="標準 3 2 2 5 3 6" xfId="6336"/>
    <cellStyle name="標準 3 2 2 5 3_原油高騰等の影響業種" xfId="9233"/>
    <cellStyle name="標準 3 2 2 5 4" xfId="801"/>
    <cellStyle name="標準 3 2 2 5 4 2" xfId="3753"/>
    <cellStyle name="標準 3 2 2 5 4 3" xfId="6705"/>
    <cellStyle name="標準 3 2 2 5 4_原油高騰等の影響業種" xfId="9237"/>
    <cellStyle name="標準 3 2 2 5 5" xfId="1539"/>
    <cellStyle name="標準 3 2 2 5 5 2" xfId="4491"/>
    <cellStyle name="標準 3 2 2 5 5 3" xfId="7443"/>
    <cellStyle name="標準 3 2 2 5 5_原油高騰等の影響業種" xfId="9238"/>
    <cellStyle name="標準 3 2 2 5 6" xfId="2277"/>
    <cellStyle name="標準 3 2 2 5 6 2" xfId="5229"/>
    <cellStyle name="標準 3 2 2 5 6 3" xfId="8181"/>
    <cellStyle name="標準 3 2 2 5 6_原油高騰等の影響業種" xfId="9239"/>
    <cellStyle name="標準 3 2 2 5 7" xfId="3015"/>
    <cellStyle name="標準 3 2 2 5 8" xfId="5967"/>
    <cellStyle name="標準 3 2 2 5_原油高騰等の影響業種" xfId="9224"/>
    <cellStyle name="標準 3 2 2 6" xfId="104"/>
    <cellStyle name="標準 3 2 2 6 2" xfId="284"/>
    <cellStyle name="標準 3 2 2 6 2 2" xfId="657"/>
    <cellStyle name="標準 3 2 2 6 2 2 2" xfId="1395"/>
    <cellStyle name="標準 3 2 2 6 2 2 2 2" xfId="4347"/>
    <cellStyle name="標準 3 2 2 6 2 2 2 3" xfId="7299"/>
    <cellStyle name="標準 3 2 2 6 2 2 2_原油高騰等の影響業種" xfId="9243"/>
    <cellStyle name="標準 3 2 2 6 2 2 3" xfId="2133"/>
    <cellStyle name="標準 3 2 2 6 2 2 3 2" xfId="5085"/>
    <cellStyle name="標準 3 2 2 6 2 2 3 3" xfId="8037"/>
    <cellStyle name="標準 3 2 2 6 2 2 3_原油高騰等の影響業種" xfId="9244"/>
    <cellStyle name="標準 3 2 2 6 2 2 4" xfId="2871"/>
    <cellStyle name="標準 3 2 2 6 2 2 4 2" xfId="5823"/>
    <cellStyle name="標準 3 2 2 6 2 2 4 3" xfId="8775"/>
    <cellStyle name="標準 3 2 2 6 2 2 4_原油高騰等の影響業種" xfId="9245"/>
    <cellStyle name="標準 3 2 2 6 2 2 5" xfId="3609"/>
    <cellStyle name="標準 3 2 2 6 2 2 6" xfId="6561"/>
    <cellStyle name="標準 3 2 2 6 2 2_原油高騰等の影響業種" xfId="9242"/>
    <cellStyle name="標準 3 2 2 6 2 3" xfId="1026"/>
    <cellStyle name="標準 3 2 2 6 2 3 2" xfId="3978"/>
    <cellStyle name="標準 3 2 2 6 2 3 3" xfId="6930"/>
    <cellStyle name="標準 3 2 2 6 2 3_原油高騰等の影響業種" xfId="9246"/>
    <cellStyle name="標準 3 2 2 6 2 4" xfId="1764"/>
    <cellStyle name="標準 3 2 2 6 2 4 2" xfId="4716"/>
    <cellStyle name="標準 3 2 2 6 2 4 3" xfId="7668"/>
    <cellStyle name="標準 3 2 2 6 2 4_原油高騰等の影響業種" xfId="9247"/>
    <cellStyle name="標準 3 2 2 6 2 5" xfId="2502"/>
    <cellStyle name="標準 3 2 2 6 2 5 2" xfId="5454"/>
    <cellStyle name="標準 3 2 2 6 2 5 3" xfId="8406"/>
    <cellStyle name="標準 3 2 2 6 2 5_原油高騰等の影響業種" xfId="9248"/>
    <cellStyle name="標準 3 2 2 6 2 6" xfId="3240"/>
    <cellStyle name="標準 3 2 2 6 2 7" xfId="6192"/>
    <cellStyle name="標準 3 2 2 6 2_原油高騰等の影響業種" xfId="9241"/>
    <cellStyle name="標準 3 2 2 6 3" xfId="477"/>
    <cellStyle name="標準 3 2 2 6 3 2" xfId="1215"/>
    <cellStyle name="標準 3 2 2 6 3 2 2" xfId="4167"/>
    <cellStyle name="標準 3 2 2 6 3 2 3" xfId="7119"/>
    <cellStyle name="標準 3 2 2 6 3 2_原油高騰等の影響業種" xfId="9250"/>
    <cellStyle name="標準 3 2 2 6 3 3" xfId="1953"/>
    <cellStyle name="標準 3 2 2 6 3 3 2" xfId="4905"/>
    <cellStyle name="標準 3 2 2 6 3 3 3" xfId="7857"/>
    <cellStyle name="標準 3 2 2 6 3 3_原油高騰等の影響業種" xfId="9251"/>
    <cellStyle name="標準 3 2 2 6 3 4" xfId="2691"/>
    <cellStyle name="標準 3 2 2 6 3 4 2" xfId="5643"/>
    <cellStyle name="標準 3 2 2 6 3 4 3" xfId="8595"/>
    <cellStyle name="標準 3 2 2 6 3 4_原油高騰等の影響業種" xfId="9252"/>
    <cellStyle name="標準 3 2 2 6 3 5" xfId="3429"/>
    <cellStyle name="標準 3 2 2 6 3 6" xfId="6381"/>
    <cellStyle name="標準 3 2 2 6 3_原油高騰等の影響業種" xfId="9249"/>
    <cellStyle name="標準 3 2 2 6 4" xfId="846"/>
    <cellStyle name="標準 3 2 2 6 4 2" xfId="3798"/>
    <cellStyle name="標準 3 2 2 6 4 3" xfId="6750"/>
    <cellStyle name="標準 3 2 2 6 4_原油高騰等の影響業種" xfId="9253"/>
    <cellStyle name="標準 3 2 2 6 5" xfId="1584"/>
    <cellStyle name="標準 3 2 2 6 5 2" xfId="4536"/>
    <cellStyle name="標準 3 2 2 6 5 3" xfId="7488"/>
    <cellStyle name="標準 3 2 2 6 5_原油高騰等の影響業種" xfId="9254"/>
    <cellStyle name="標準 3 2 2 6 6" xfId="2322"/>
    <cellStyle name="標準 3 2 2 6 6 2" xfId="5274"/>
    <cellStyle name="標準 3 2 2 6 6 3" xfId="8226"/>
    <cellStyle name="標準 3 2 2 6 6_原油高騰等の影響業種" xfId="9255"/>
    <cellStyle name="標準 3 2 2 6 7" xfId="3060"/>
    <cellStyle name="標準 3 2 2 6 8" xfId="6012"/>
    <cellStyle name="標準 3 2 2 6_原油高騰等の影響業種" xfId="9240"/>
    <cellStyle name="標準 3 2 2 7" xfId="149"/>
    <cellStyle name="標準 3 2 2 7 2" xfId="329"/>
    <cellStyle name="標準 3 2 2 7 2 2" xfId="702"/>
    <cellStyle name="標準 3 2 2 7 2 2 2" xfId="1440"/>
    <cellStyle name="標準 3 2 2 7 2 2 2 2" xfId="4392"/>
    <cellStyle name="標準 3 2 2 7 2 2 2 3" xfId="7344"/>
    <cellStyle name="標準 3 2 2 7 2 2 2_原油高騰等の影響業種" xfId="9259"/>
    <cellStyle name="標準 3 2 2 7 2 2 3" xfId="2178"/>
    <cellStyle name="標準 3 2 2 7 2 2 3 2" xfId="5130"/>
    <cellStyle name="標準 3 2 2 7 2 2 3 3" xfId="8082"/>
    <cellStyle name="標準 3 2 2 7 2 2 3_原油高騰等の影響業種" xfId="9260"/>
    <cellStyle name="標準 3 2 2 7 2 2 4" xfId="2916"/>
    <cellStyle name="標準 3 2 2 7 2 2 4 2" xfId="5868"/>
    <cellStyle name="標準 3 2 2 7 2 2 4 3" xfId="8820"/>
    <cellStyle name="標準 3 2 2 7 2 2 4_原油高騰等の影響業種" xfId="9261"/>
    <cellStyle name="標準 3 2 2 7 2 2 5" xfId="3654"/>
    <cellStyle name="標準 3 2 2 7 2 2 6" xfId="6606"/>
    <cellStyle name="標準 3 2 2 7 2 2_原油高騰等の影響業種" xfId="9258"/>
    <cellStyle name="標準 3 2 2 7 2 3" xfId="1071"/>
    <cellStyle name="標準 3 2 2 7 2 3 2" xfId="4023"/>
    <cellStyle name="標準 3 2 2 7 2 3 3" xfId="6975"/>
    <cellStyle name="標準 3 2 2 7 2 3_原油高騰等の影響業種" xfId="9262"/>
    <cellStyle name="標準 3 2 2 7 2 4" xfId="1809"/>
    <cellStyle name="標準 3 2 2 7 2 4 2" xfId="4761"/>
    <cellStyle name="標準 3 2 2 7 2 4 3" xfId="7713"/>
    <cellStyle name="標準 3 2 2 7 2 4_原油高騰等の影響業種" xfId="9263"/>
    <cellStyle name="標準 3 2 2 7 2 5" xfId="2547"/>
    <cellStyle name="標準 3 2 2 7 2 5 2" xfId="5499"/>
    <cellStyle name="標準 3 2 2 7 2 5 3" xfId="8451"/>
    <cellStyle name="標準 3 2 2 7 2 5_原油高騰等の影響業種" xfId="9264"/>
    <cellStyle name="標準 3 2 2 7 2 6" xfId="3285"/>
    <cellStyle name="標準 3 2 2 7 2 7" xfId="6237"/>
    <cellStyle name="標準 3 2 2 7 2_原油高騰等の影響業種" xfId="9257"/>
    <cellStyle name="標準 3 2 2 7 3" xfId="522"/>
    <cellStyle name="標準 3 2 2 7 3 2" xfId="1260"/>
    <cellStyle name="標準 3 2 2 7 3 2 2" xfId="4212"/>
    <cellStyle name="標準 3 2 2 7 3 2 3" xfId="7164"/>
    <cellStyle name="標準 3 2 2 7 3 2_原油高騰等の影響業種" xfId="9266"/>
    <cellStyle name="標準 3 2 2 7 3 3" xfId="1998"/>
    <cellStyle name="標準 3 2 2 7 3 3 2" xfId="4950"/>
    <cellStyle name="標準 3 2 2 7 3 3 3" xfId="7902"/>
    <cellStyle name="標準 3 2 2 7 3 3_原油高騰等の影響業種" xfId="9267"/>
    <cellStyle name="標準 3 2 2 7 3 4" xfId="2736"/>
    <cellStyle name="標準 3 2 2 7 3 4 2" xfId="5688"/>
    <cellStyle name="標準 3 2 2 7 3 4 3" xfId="8640"/>
    <cellStyle name="標準 3 2 2 7 3 4_原油高騰等の影響業種" xfId="9268"/>
    <cellStyle name="標準 3 2 2 7 3 5" xfId="3474"/>
    <cellStyle name="標準 3 2 2 7 3 6" xfId="6426"/>
    <cellStyle name="標準 3 2 2 7 3_原油高騰等の影響業種" xfId="9265"/>
    <cellStyle name="標準 3 2 2 7 4" xfId="891"/>
    <cellStyle name="標準 3 2 2 7 4 2" xfId="3843"/>
    <cellStyle name="標準 3 2 2 7 4 3" xfId="6795"/>
    <cellStyle name="標準 3 2 2 7 4_原油高騰等の影響業種" xfId="9269"/>
    <cellStyle name="標準 3 2 2 7 5" xfId="1629"/>
    <cellStyle name="標準 3 2 2 7 5 2" xfId="4581"/>
    <cellStyle name="標準 3 2 2 7 5 3" xfId="7533"/>
    <cellStyle name="標準 3 2 2 7 5_原油高騰等の影響業種" xfId="9270"/>
    <cellStyle name="標準 3 2 2 7 6" xfId="2367"/>
    <cellStyle name="標準 3 2 2 7 6 2" xfId="5319"/>
    <cellStyle name="標準 3 2 2 7 6 3" xfId="8271"/>
    <cellStyle name="標準 3 2 2 7 6_原油高騰等の影響業種" xfId="9271"/>
    <cellStyle name="標準 3 2 2 7 7" xfId="3105"/>
    <cellStyle name="標準 3 2 2 7 8" xfId="6057"/>
    <cellStyle name="標準 3 2 2 7_原油高騰等の影響業種" xfId="9256"/>
    <cellStyle name="標準 3 2 2 8" xfId="194"/>
    <cellStyle name="標準 3 2 2 8 2" xfId="567"/>
    <cellStyle name="標準 3 2 2 8 2 2" xfId="1305"/>
    <cellStyle name="標準 3 2 2 8 2 2 2" xfId="4257"/>
    <cellStyle name="標準 3 2 2 8 2 2 3" xfId="7209"/>
    <cellStyle name="標準 3 2 2 8 2 2_原油高騰等の影響業種" xfId="9274"/>
    <cellStyle name="標準 3 2 2 8 2 3" xfId="2043"/>
    <cellStyle name="標準 3 2 2 8 2 3 2" xfId="4995"/>
    <cellStyle name="標準 3 2 2 8 2 3 3" xfId="7947"/>
    <cellStyle name="標準 3 2 2 8 2 3_原油高騰等の影響業種" xfId="9275"/>
    <cellStyle name="標準 3 2 2 8 2 4" xfId="2781"/>
    <cellStyle name="標準 3 2 2 8 2 4 2" xfId="5733"/>
    <cellStyle name="標準 3 2 2 8 2 4 3" xfId="8685"/>
    <cellStyle name="標準 3 2 2 8 2 4_原油高騰等の影響業種" xfId="9276"/>
    <cellStyle name="標準 3 2 2 8 2 5" xfId="3519"/>
    <cellStyle name="標準 3 2 2 8 2 6" xfId="6471"/>
    <cellStyle name="標準 3 2 2 8 2_原油高騰等の影響業種" xfId="9273"/>
    <cellStyle name="標準 3 2 2 8 3" xfId="936"/>
    <cellStyle name="標準 3 2 2 8 3 2" xfId="3888"/>
    <cellStyle name="標準 3 2 2 8 3 3" xfId="6840"/>
    <cellStyle name="標準 3 2 2 8 3_原油高騰等の影響業種" xfId="9277"/>
    <cellStyle name="標準 3 2 2 8 4" xfId="1674"/>
    <cellStyle name="標準 3 2 2 8 4 2" xfId="4626"/>
    <cellStyle name="標準 3 2 2 8 4 3" xfId="7578"/>
    <cellStyle name="標準 3 2 2 8 4_原油高騰等の影響業種" xfId="9278"/>
    <cellStyle name="標準 3 2 2 8 5" xfId="2412"/>
    <cellStyle name="標準 3 2 2 8 5 2" xfId="5364"/>
    <cellStyle name="標準 3 2 2 8 5 3" xfId="8316"/>
    <cellStyle name="標準 3 2 2 8 5_原油高騰等の影響業種" xfId="9279"/>
    <cellStyle name="標準 3 2 2 8 6" xfId="3150"/>
    <cellStyle name="標準 3 2 2 8 7" xfId="6102"/>
    <cellStyle name="標準 3 2 2 8_原油高騰等の影響業種" xfId="9272"/>
    <cellStyle name="標準 3 2 2 9" xfId="387"/>
    <cellStyle name="標準 3 2 2 9 2" xfId="1125"/>
    <cellStyle name="標準 3 2 2 9 2 2" xfId="4077"/>
    <cellStyle name="標準 3 2 2 9 2 3" xfId="7029"/>
    <cellStyle name="標準 3 2 2 9 2_原油高騰等の影響業種" xfId="9281"/>
    <cellStyle name="標準 3 2 2 9 3" xfId="1863"/>
    <cellStyle name="標準 3 2 2 9 3 2" xfId="4815"/>
    <cellStyle name="標準 3 2 2 9 3 3" xfId="7767"/>
    <cellStyle name="標準 3 2 2 9 3_原油高騰等の影響業種" xfId="9282"/>
    <cellStyle name="標準 3 2 2 9 4" xfId="2601"/>
    <cellStyle name="標準 3 2 2 9 4 2" xfId="5553"/>
    <cellStyle name="標準 3 2 2 9 4 3" xfId="8505"/>
    <cellStyle name="標準 3 2 2 9 4_原油高騰等の影響業種" xfId="9283"/>
    <cellStyle name="標準 3 2 2 9 5" xfId="3339"/>
    <cellStyle name="標準 3 2 2 9 6" xfId="6291"/>
    <cellStyle name="標準 3 2 2 9_原油高騰等の影響業種" xfId="9280"/>
    <cellStyle name="標準 3 2 2_原油高騰等の影響業種" xfId="8964"/>
    <cellStyle name="標準 3 2 3" xfId="22"/>
    <cellStyle name="標準 3 2 3 10" xfId="2240"/>
    <cellStyle name="標準 3 2 3 10 2" xfId="5192"/>
    <cellStyle name="標準 3 2 3 10 3" xfId="8144"/>
    <cellStyle name="標準 3 2 3 10_原油高騰等の影響業種" xfId="9285"/>
    <cellStyle name="標準 3 2 3 11" xfId="2978"/>
    <cellStyle name="標準 3 2 3 12" xfId="5930"/>
    <cellStyle name="標準 3 2 3 2" xfId="40"/>
    <cellStyle name="標準 3 2 3 2 10" xfId="2996"/>
    <cellStyle name="標準 3 2 3 2 11" xfId="5948"/>
    <cellStyle name="標準 3 2 3 2 2" xfId="85"/>
    <cellStyle name="標準 3 2 3 2 2 2" xfId="265"/>
    <cellStyle name="標準 3 2 3 2 2 2 2" xfId="638"/>
    <cellStyle name="標準 3 2 3 2 2 2 2 2" xfId="1376"/>
    <cellStyle name="標準 3 2 3 2 2 2 2 2 2" xfId="4328"/>
    <cellStyle name="標準 3 2 3 2 2 2 2 2 3" xfId="7280"/>
    <cellStyle name="標準 3 2 3 2 2 2 2 2_原油高騰等の影響業種" xfId="9290"/>
    <cellStyle name="標準 3 2 3 2 2 2 2 3" xfId="2114"/>
    <cellStyle name="標準 3 2 3 2 2 2 2 3 2" xfId="5066"/>
    <cellStyle name="標準 3 2 3 2 2 2 2 3 3" xfId="8018"/>
    <cellStyle name="標準 3 2 3 2 2 2 2 3_原油高騰等の影響業種" xfId="9291"/>
    <cellStyle name="標準 3 2 3 2 2 2 2 4" xfId="2852"/>
    <cellStyle name="標準 3 2 3 2 2 2 2 4 2" xfId="5804"/>
    <cellStyle name="標準 3 2 3 2 2 2 2 4 3" xfId="8756"/>
    <cellStyle name="標準 3 2 3 2 2 2 2 4_原油高騰等の影響業種" xfId="9292"/>
    <cellStyle name="標準 3 2 3 2 2 2 2 5" xfId="3590"/>
    <cellStyle name="標準 3 2 3 2 2 2 2 6" xfId="6542"/>
    <cellStyle name="標準 3 2 3 2 2 2 2_原油高騰等の影響業種" xfId="9289"/>
    <cellStyle name="標準 3 2 3 2 2 2 3" xfId="1007"/>
    <cellStyle name="標準 3 2 3 2 2 2 3 2" xfId="3959"/>
    <cellStyle name="標準 3 2 3 2 2 2 3 3" xfId="6911"/>
    <cellStyle name="標準 3 2 3 2 2 2 3_原油高騰等の影響業種" xfId="9293"/>
    <cellStyle name="標準 3 2 3 2 2 2 4" xfId="1745"/>
    <cellStyle name="標準 3 2 3 2 2 2 4 2" xfId="4697"/>
    <cellStyle name="標準 3 2 3 2 2 2 4 3" xfId="7649"/>
    <cellStyle name="標準 3 2 3 2 2 2 4_原油高騰等の影響業種" xfId="9294"/>
    <cellStyle name="標準 3 2 3 2 2 2 5" xfId="2483"/>
    <cellStyle name="標準 3 2 3 2 2 2 5 2" xfId="5435"/>
    <cellStyle name="標準 3 2 3 2 2 2 5 3" xfId="8387"/>
    <cellStyle name="標準 3 2 3 2 2 2 5_原油高騰等の影響業種" xfId="9295"/>
    <cellStyle name="標準 3 2 3 2 2 2 6" xfId="3221"/>
    <cellStyle name="標準 3 2 3 2 2 2 7" xfId="6173"/>
    <cellStyle name="標準 3 2 3 2 2 2_原油高騰等の影響業種" xfId="9288"/>
    <cellStyle name="標準 3 2 3 2 2 3" xfId="458"/>
    <cellStyle name="標準 3 2 3 2 2 3 2" xfId="1196"/>
    <cellStyle name="標準 3 2 3 2 2 3 2 2" xfId="4148"/>
    <cellStyle name="標準 3 2 3 2 2 3 2 3" xfId="7100"/>
    <cellStyle name="標準 3 2 3 2 2 3 2_原油高騰等の影響業種" xfId="9297"/>
    <cellStyle name="標準 3 2 3 2 2 3 3" xfId="1934"/>
    <cellStyle name="標準 3 2 3 2 2 3 3 2" xfId="4886"/>
    <cellStyle name="標準 3 2 3 2 2 3 3 3" xfId="7838"/>
    <cellStyle name="標準 3 2 3 2 2 3 3_原油高騰等の影響業種" xfId="9298"/>
    <cellStyle name="標準 3 2 3 2 2 3 4" xfId="2672"/>
    <cellStyle name="標準 3 2 3 2 2 3 4 2" xfId="5624"/>
    <cellStyle name="標準 3 2 3 2 2 3 4 3" xfId="8576"/>
    <cellStyle name="標準 3 2 3 2 2 3 4_原油高騰等の影響業種" xfId="9299"/>
    <cellStyle name="標準 3 2 3 2 2 3 5" xfId="3410"/>
    <cellStyle name="標準 3 2 3 2 2 3 6" xfId="6362"/>
    <cellStyle name="標準 3 2 3 2 2 3_原油高騰等の影響業種" xfId="9296"/>
    <cellStyle name="標準 3 2 3 2 2 4" xfId="827"/>
    <cellStyle name="標準 3 2 3 2 2 4 2" xfId="3779"/>
    <cellStyle name="標準 3 2 3 2 2 4 3" xfId="6731"/>
    <cellStyle name="標準 3 2 3 2 2 4_原油高騰等の影響業種" xfId="9300"/>
    <cellStyle name="標準 3 2 3 2 2 5" xfId="1565"/>
    <cellStyle name="標準 3 2 3 2 2 5 2" xfId="4517"/>
    <cellStyle name="標準 3 2 3 2 2 5 3" xfId="7469"/>
    <cellStyle name="標準 3 2 3 2 2 5_原油高騰等の影響業種" xfId="9301"/>
    <cellStyle name="標準 3 2 3 2 2 6" xfId="2303"/>
    <cellStyle name="標準 3 2 3 2 2 6 2" xfId="5255"/>
    <cellStyle name="標準 3 2 3 2 2 6 3" xfId="8207"/>
    <cellStyle name="標準 3 2 3 2 2 6_原油高騰等の影響業種" xfId="9302"/>
    <cellStyle name="標準 3 2 3 2 2 7" xfId="3041"/>
    <cellStyle name="標準 3 2 3 2 2 8" xfId="5993"/>
    <cellStyle name="標準 3 2 3 2 2_原油高騰等の影響業種" xfId="9287"/>
    <cellStyle name="標準 3 2 3 2 3" xfId="130"/>
    <cellStyle name="標準 3 2 3 2 3 2" xfId="310"/>
    <cellStyle name="標準 3 2 3 2 3 2 2" xfId="683"/>
    <cellStyle name="標準 3 2 3 2 3 2 2 2" xfId="1421"/>
    <cellStyle name="標準 3 2 3 2 3 2 2 2 2" xfId="4373"/>
    <cellStyle name="標準 3 2 3 2 3 2 2 2 3" xfId="7325"/>
    <cellStyle name="標準 3 2 3 2 3 2 2 2_原油高騰等の影響業種" xfId="9306"/>
    <cellStyle name="標準 3 2 3 2 3 2 2 3" xfId="2159"/>
    <cellStyle name="標準 3 2 3 2 3 2 2 3 2" xfId="5111"/>
    <cellStyle name="標準 3 2 3 2 3 2 2 3 3" xfId="8063"/>
    <cellStyle name="標準 3 2 3 2 3 2 2 3_原油高騰等の影響業種" xfId="9307"/>
    <cellStyle name="標準 3 2 3 2 3 2 2 4" xfId="2897"/>
    <cellStyle name="標準 3 2 3 2 3 2 2 4 2" xfId="5849"/>
    <cellStyle name="標準 3 2 3 2 3 2 2 4 3" xfId="8801"/>
    <cellStyle name="標準 3 2 3 2 3 2 2 4_原油高騰等の影響業種" xfId="9308"/>
    <cellStyle name="標準 3 2 3 2 3 2 2 5" xfId="3635"/>
    <cellStyle name="標準 3 2 3 2 3 2 2 6" xfId="6587"/>
    <cellStyle name="標準 3 2 3 2 3 2 2_原油高騰等の影響業種" xfId="9305"/>
    <cellStyle name="標準 3 2 3 2 3 2 3" xfId="1052"/>
    <cellStyle name="標準 3 2 3 2 3 2 3 2" xfId="4004"/>
    <cellStyle name="標準 3 2 3 2 3 2 3 3" xfId="6956"/>
    <cellStyle name="標準 3 2 3 2 3 2 3_原油高騰等の影響業種" xfId="9309"/>
    <cellStyle name="標準 3 2 3 2 3 2 4" xfId="1790"/>
    <cellStyle name="標準 3 2 3 2 3 2 4 2" xfId="4742"/>
    <cellStyle name="標準 3 2 3 2 3 2 4 3" xfId="7694"/>
    <cellStyle name="標準 3 2 3 2 3 2 4_原油高騰等の影響業種" xfId="9310"/>
    <cellStyle name="標準 3 2 3 2 3 2 5" xfId="2528"/>
    <cellStyle name="標準 3 2 3 2 3 2 5 2" xfId="5480"/>
    <cellStyle name="標準 3 2 3 2 3 2 5 3" xfId="8432"/>
    <cellStyle name="標準 3 2 3 2 3 2 5_原油高騰等の影響業種" xfId="9311"/>
    <cellStyle name="標準 3 2 3 2 3 2 6" xfId="3266"/>
    <cellStyle name="標準 3 2 3 2 3 2 7" xfId="6218"/>
    <cellStyle name="標準 3 2 3 2 3 2_原油高騰等の影響業種" xfId="9304"/>
    <cellStyle name="標準 3 2 3 2 3 3" xfId="503"/>
    <cellStyle name="標準 3 2 3 2 3 3 2" xfId="1241"/>
    <cellStyle name="標準 3 2 3 2 3 3 2 2" xfId="4193"/>
    <cellStyle name="標準 3 2 3 2 3 3 2 3" xfId="7145"/>
    <cellStyle name="標準 3 2 3 2 3 3 2_原油高騰等の影響業種" xfId="9313"/>
    <cellStyle name="標準 3 2 3 2 3 3 3" xfId="1979"/>
    <cellStyle name="標準 3 2 3 2 3 3 3 2" xfId="4931"/>
    <cellStyle name="標準 3 2 3 2 3 3 3 3" xfId="7883"/>
    <cellStyle name="標準 3 2 3 2 3 3 3_原油高騰等の影響業種" xfId="9314"/>
    <cellStyle name="標準 3 2 3 2 3 3 4" xfId="2717"/>
    <cellStyle name="標準 3 2 3 2 3 3 4 2" xfId="5669"/>
    <cellStyle name="標準 3 2 3 2 3 3 4 3" xfId="8621"/>
    <cellStyle name="標準 3 2 3 2 3 3 4_原油高騰等の影響業種" xfId="9315"/>
    <cellStyle name="標準 3 2 3 2 3 3 5" xfId="3455"/>
    <cellStyle name="標準 3 2 3 2 3 3 6" xfId="6407"/>
    <cellStyle name="標準 3 2 3 2 3 3_原油高騰等の影響業種" xfId="9312"/>
    <cellStyle name="標準 3 2 3 2 3 4" xfId="872"/>
    <cellStyle name="標準 3 2 3 2 3 4 2" xfId="3824"/>
    <cellStyle name="標準 3 2 3 2 3 4 3" xfId="6776"/>
    <cellStyle name="標準 3 2 3 2 3 4_原油高騰等の影響業種" xfId="9316"/>
    <cellStyle name="標準 3 2 3 2 3 5" xfId="1610"/>
    <cellStyle name="標準 3 2 3 2 3 5 2" xfId="4562"/>
    <cellStyle name="標準 3 2 3 2 3 5 3" xfId="7514"/>
    <cellStyle name="標準 3 2 3 2 3 5_原油高騰等の影響業種" xfId="9317"/>
    <cellStyle name="標準 3 2 3 2 3 6" xfId="2348"/>
    <cellStyle name="標準 3 2 3 2 3 6 2" xfId="5300"/>
    <cellStyle name="標準 3 2 3 2 3 6 3" xfId="8252"/>
    <cellStyle name="標準 3 2 3 2 3 6_原油高騰等の影響業種" xfId="9318"/>
    <cellStyle name="標準 3 2 3 2 3 7" xfId="3086"/>
    <cellStyle name="標準 3 2 3 2 3 8" xfId="6038"/>
    <cellStyle name="標準 3 2 3 2 3_原油高騰等の影響業種" xfId="9303"/>
    <cellStyle name="標準 3 2 3 2 4" xfId="175"/>
    <cellStyle name="標準 3 2 3 2 4 2" xfId="355"/>
    <cellStyle name="標準 3 2 3 2 4 2 2" xfId="728"/>
    <cellStyle name="標準 3 2 3 2 4 2 2 2" xfId="1466"/>
    <cellStyle name="標準 3 2 3 2 4 2 2 2 2" xfId="4418"/>
    <cellStyle name="標準 3 2 3 2 4 2 2 2 3" xfId="7370"/>
    <cellStyle name="標準 3 2 3 2 4 2 2 2_原油高騰等の影響業種" xfId="9322"/>
    <cellStyle name="標準 3 2 3 2 4 2 2 3" xfId="2204"/>
    <cellStyle name="標準 3 2 3 2 4 2 2 3 2" xfId="5156"/>
    <cellStyle name="標準 3 2 3 2 4 2 2 3 3" xfId="8108"/>
    <cellStyle name="標準 3 2 3 2 4 2 2 3_原油高騰等の影響業種" xfId="9323"/>
    <cellStyle name="標準 3 2 3 2 4 2 2 4" xfId="2942"/>
    <cellStyle name="標準 3 2 3 2 4 2 2 4 2" xfId="5894"/>
    <cellStyle name="標準 3 2 3 2 4 2 2 4 3" xfId="8846"/>
    <cellStyle name="標準 3 2 3 2 4 2 2 4_原油高騰等の影響業種" xfId="9324"/>
    <cellStyle name="標準 3 2 3 2 4 2 2 5" xfId="3680"/>
    <cellStyle name="標準 3 2 3 2 4 2 2 6" xfId="6632"/>
    <cellStyle name="標準 3 2 3 2 4 2 2_原油高騰等の影響業種" xfId="9321"/>
    <cellStyle name="標準 3 2 3 2 4 2 3" xfId="1097"/>
    <cellStyle name="標準 3 2 3 2 4 2 3 2" xfId="4049"/>
    <cellStyle name="標準 3 2 3 2 4 2 3 3" xfId="7001"/>
    <cellStyle name="標準 3 2 3 2 4 2 3_原油高騰等の影響業種" xfId="9325"/>
    <cellStyle name="標準 3 2 3 2 4 2 4" xfId="1835"/>
    <cellStyle name="標準 3 2 3 2 4 2 4 2" xfId="4787"/>
    <cellStyle name="標準 3 2 3 2 4 2 4 3" xfId="7739"/>
    <cellStyle name="標準 3 2 3 2 4 2 4_原油高騰等の影響業種" xfId="9326"/>
    <cellStyle name="標準 3 2 3 2 4 2 5" xfId="2573"/>
    <cellStyle name="標準 3 2 3 2 4 2 5 2" xfId="5525"/>
    <cellStyle name="標準 3 2 3 2 4 2 5 3" xfId="8477"/>
    <cellStyle name="標準 3 2 3 2 4 2 5_原油高騰等の影響業種" xfId="9327"/>
    <cellStyle name="標準 3 2 3 2 4 2 6" xfId="3311"/>
    <cellStyle name="標準 3 2 3 2 4 2 7" xfId="6263"/>
    <cellStyle name="標準 3 2 3 2 4 2_原油高騰等の影響業種" xfId="9320"/>
    <cellStyle name="標準 3 2 3 2 4 3" xfId="548"/>
    <cellStyle name="標準 3 2 3 2 4 3 2" xfId="1286"/>
    <cellStyle name="標準 3 2 3 2 4 3 2 2" xfId="4238"/>
    <cellStyle name="標準 3 2 3 2 4 3 2 3" xfId="7190"/>
    <cellStyle name="標準 3 2 3 2 4 3 2_原油高騰等の影響業種" xfId="9329"/>
    <cellStyle name="標準 3 2 3 2 4 3 3" xfId="2024"/>
    <cellStyle name="標準 3 2 3 2 4 3 3 2" xfId="4976"/>
    <cellStyle name="標準 3 2 3 2 4 3 3 3" xfId="7928"/>
    <cellStyle name="標準 3 2 3 2 4 3 3_原油高騰等の影響業種" xfId="9330"/>
    <cellStyle name="標準 3 2 3 2 4 3 4" xfId="2762"/>
    <cellStyle name="標準 3 2 3 2 4 3 4 2" xfId="5714"/>
    <cellStyle name="標準 3 2 3 2 4 3 4 3" xfId="8666"/>
    <cellStyle name="標準 3 2 3 2 4 3 4_原油高騰等の影響業種" xfId="9331"/>
    <cellStyle name="標準 3 2 3 2 4 3 5" xfId="3500"/>
    <cellStyle name="標準 3 2 3 2 4 3 6" xfId="6452"/>
    <cellStyle name="標準 3 2 3 2 4 3_原油高騰等の影響業種" xfId="9328"/>
    <cellStyle name="標準 3 2 3 2 4 4" xfId="917"/>
    <cellStyle name="標準 3 2 3 2 4 4 2" xfId="3869"/>
    <cellStyle name="標準 3 2 3 2 4 4 3" xfId="6821"/>
    <cellStyle name="標準 3 2 3 2 4 4_原油高騰等の影響業種" xfId="9332"/>
    <cellStyle name="標準 3 2 3 2 4 5" xfId="1655"/>
    <cellStyle name="標準 3 2 3 2 4 5 2" xfId="4607"/>
    <cellStyle name="標準 3 2 3 2 4 5 3" xfId="7559"/>
    <cellStyle name="標準 3 2 3 2 4 5_原油高騰等の影響業種" xfId="9333"/>
    <cellStyle name="標準 3 2 3 2 4 6" xfId="2393"/>
    <cellStyle name="標準 3 2 3 2 4 6 2" xfId="5345"/>
    <cellStyle name="標準 3 2 3 2 4 6 3" xfId="8297"/>
    <cellStyle name="標準 3 2 3 2 4 6_原油高騰等の影響業種" xfId="9334"/>
    <cellStyle name="標準 3 2 3 2 4 7" xfId="3131"/>
    <cellStyle name="標準 3 2 3 2 4 8" xfId="6083"/>
    <cellStyle name="標準 3 2 3 2 4_原油高騰等の影響業種" xfId="9319"/>
    <cellStyle name="標準 3 2 3 2 5" xfId="220"/>
    <cellStyle name="標準 3 2 3 2 5 2" xfId="593"/>
    <cellStyle name="標準 3 2 3 2 5 2 2" xfId="1331"/>
    <cellStyle name="標準 3 2 3 2 5 2 2 2" xfId="4283"/>
    <cellStyle name="標準 3 2 3 2 5 2 2 3" xfId="7235"/>
    <cellStyle name="標準 3 2 3 2 5 2 2_原油高騰等の影響業種" xfId="9337"/>
    <cellStyle name="標準 3 2 3 2 5 2 3" xfId="2069"/>
    <cellStyle name="標準 3 2 3 2 5 2 3 2" xfId="5021"/>
    <cellStyle name="標準 3 2 3 2 5 2 3 3" xfId="7973"/>
    <cellStyle name="標準 3 2 3 2 5 2 3_原油高騰等の影響業種" xfId="9338"/>
    <cellStyle name="標準 3 2 3 2 5 2 4" xfId="2807"/>
    <cellStyle name="標準 3 2 3 2 5 2 4 2" xfId="5759"/>
    <cellStyle name="標準 3 2 3 2 5 2 4 3" xfId="8711"/>
    <cellStyle name="標準 3 2 3 2 5 2 4_原油高騰等の影響業種" xfId="9339"/>
    <cellStyle name="標準 3 2 3 2 5 2 5" xfId="3545"/>
    <cellStyle name="標準 3 2 3 2 5 2 6" xfId="6497"/>
    <cellStyle name="標準 3 2 3 2 5 2_原油高騰等の影響業種" xfId="9336"/>
    <cellStyle name="標準 3 2 3 2 5 3" xfId="962"/>
    <cellStyle name="標準 3 2 3 2 5 3 2" xfId="3914"/>
    <cellStyle name="標準 3 2 3 2 5 3 3" xfId="6866"/>
    <cellStyle name="標準 3 2 3 2 5 3_原油高騰等の影響業種" xfId="9340"/>
    <cellStyle name="標準 3 2 3 2 5 4" xfId="1700"/>
    <cellStyle name="標準 3 2 3 2 5 4 2" xfId="4652"/>
    <cellStyle name="標準 3 2 3 2 5 4 3" xfId="7604"/>
    <cellStyle name="標準 3 2 3 2 5 4_原油高騰等の影響業種" xfId="9341"/>
    <cellStyle name="標準 3 2 3 2 5 5" xfId="2438"/>
    <cellStyle name="標準 3 2 3 2 5 5 2" xfId="5390"/>
    <cellStyle name="標準 3 2 3 2 5 5 3" xfId="8342"/>
    <cellStyle name="標準 3 2 3 2 5 5_原油高騰等の影響業種" xfId="9342"/>
    <cellStyle name="標準 3 2 3 2 5 6" xfId="3176"/>
    <cellStyle name="標準 3 2 3 2 5 7" xfId="6128"/>
    <cellStyle name="標準 3 2 3 2 5_原油高騰等の影響業種" xfId="9335"/>
    <cellStyle name="標準 3 2 3 2 6" xfId="413"/>
    <cellStyle name="標準 3 2 3 2 6 2" xfId="1151"/>
    <cellStyle name="標準 3 2 3 2 6 2 2" xfId="4103"/>
    <cellStyle name="標準 3 2 3 2 6 2 3" xfId="7055"/>
    <cellStyle name="標準 3 2 3 2 6 2_原油高騰等の影響業種" xfId="9344"/>
    <cellStyle name="標準 3 2 3 2 6 3" xfId="1889"/>
    <cellStyle name="標準 3 2 3 2 6 3 2" xfId="4841"/>
    <cellStyle name="標準 3 2 3 2 6 3 3" xfId="7793"/>
    <cellStyle name="標準 3 2 3 2 6 3_原油高騰等の影響業種" xfId="9345"/>
    <cellStyle name="標準 3 2 3 2 6 4" xfId="2627"/>
    <cellStyle name="標準 3 2 3 2 6 4 2" xfId="5579"/>
    <cellStyle name="標準 3 2 3 2 6 4 3" xfId="8531"/>
    <cellStyle name="標準 3 2 3 2 6 4_原油高騰等の影響業種" xfId="9346"/>
    <cellStyle name="標準 3 2 3 2 6 5" xfId="3365"/>
    <cellStyle name="標準 3 2 3 2 6 6" xfId="6317"/>
    <cellStyle name="標準 3 2 3 2 6_原油高騰等の影響業種" xfId="9343"/>
    <cellStyle name="標準 3 2 3 2 7" xfId="782"/>
    <cellStyle name="標準 3 2 3 2 7 2" xfId="3734"/>
    <cellStyle name="標準 3 2 3 2 7 3" xfId="6686"/>
    <cellStyle name="標準 3 2 3 2 7_原油高騰等の影響業種" xfId="9347"/>
    <cellStyle name="標準 3 2 3 2 8" xfId="1520"/>
    <cellStyle name="標準 3 2 3 2 8 2" xfId="4472"/>
    <cellStyle name="標準 3 2 3 2 8 3" xfId="7424"/>
    <cellStyle name="標準 3 2 3 2 8_原油高騰等の影響業種" xfId="9348"/>
    <cellStyle name="標準 3 2 3 2 9" xfId="2258"/>
    <cellStyle name="標準 3 2 3 2 9 2" xfId="5210"/>
    <cellStyle name="標準 3 2 3 2 9 3" xfId="8162"/>
    <cellStyle name="標準 3 2 3 2 9_原油高騰等の影響業種" xfId="9349"/>
    <cellStyle name="標準 3 2 3 2_原油高騰等の影響業種" xfId="9286"/>
    <cellStyle name="標準 3 2 3 3" xfId="67"/>
    <cellStyle name="標準 3 2 3 3 2" xfId="247"/>
    <cellStyle name="標準 3 2 3 3 2 2" xfId="620"/>
    <cellStyle name="標準 3 2 3 3 2 2 2" xfId="1358"/>
    <cellStyle name="標準 3 2 3 3 2 2 2 2" xfId="4310"/>
    <cellStyle name="標準 3 2 3 3 2 2 2 3" xfId="7262"/>
    <cellStyle name="標準 3 2 3 3 2 2 2_原油高騰等の影響業種" xfId="9353"/>
    <cellStyle name="標準 3 2 3 3 2 2 3" xfId="2096"/>
    <cellStyle name="標準 3 2 3 3 2 2 3 2" xfId="5048"/>
    <cellStyle name="標準 3 2 3 3 2 2 3 3" xfId="8000"/>
    <cellStyle name="標準 3 2 3 3 2 2 3_原油高騰等の影響業種" xfId="9354"/>
    <cellStyle name="標準 3 2 3 3 2 2 4" xfId="2834"/>
    <cellStyle name="標準 3 2 3 3 2 2 4 2" xfId="5786"/>
    <cellStyle name="標準 3 2 3 3 2 2 4 3" xfId="8738"/>
    <cellStyle name="標準 3 2 3 3 2 2 4_原油高騰等の影響業種" xfId="9355"/>
    <cellStyle name="標準 3 2 3 3 2 2 5" xfId="3572"/>
    <cellStyle name="標準 3 2 3 3 2 2 6" xfId="6524"/>
    <cellStyle name="標準 3 2 3 3 2 2_原油高騰等の影響業種" xfId="9352"/>
    <cellStyle name="標準 3 2 3 3 2 3" xfId="989"/>
    <cellStyle name="標準 3 2 3 3 2 3 2" xfId="3941"/>
    <cellStyle name="標準 3 2 3 3 2 3 3" xfId="6893"/>
    <cellStyle name="標準 3 2 3 3 2 3_原油高騰等の影響業種" xfId="9356"/>
    <cellStyle name="標準 3 2 3 3 2 4" xfId="1727"/>
    <cellStyle name="標準 3 2 3 3 2 4 2" xfId="4679"/>
    <cellStyle name="標準 3 2 3 3 2 4 3" xfId="7631"/>
    <cellStyle name="標準 3 2 3 3 2 4_原油高騰等の影響業種" xfId="9357"/>
    <cellStyle name="標準 3 2 3 3 2 5" xfId="2465"/>
    <cellStyle name="標準 3 2 3 3 2 5 2" xfId="5417"/>
    <cellStyle name="標準 3 2 3 3 2 5 3" xfId="8369"/>
    <cellStyle name="標準 3 2 3 3 2 5_原油高騰等の影響業種" xfId="9358"/>
    <cellStyle name="標準 3 2 3 3 2 6" xfId="3203"/>
    <cellStyle name="標準 3 2 3 3 2 7" xfId="6155"/>
    <cellStyle name="標準 3 2 3 3 2_原油高騰等の影響業種" xfId="9351"/>
    <cellStyle name="標準 3 2 3 3 3" xfId="440"/>
    <cellStyle name="標準 3 2 3 3 3 2" xfId="1178"/>
    <cellStyle name="標準 3 2 3 3 3 2 2" xfId="4130"/>
    <cellStyle name="標準 3 2 3 3 3 2 3" xfId="7082"/>
    <cellStyle name="標準 3 2 3 3 3 2_原油高騰等の影響業種" xfId="9360"/>
    <cellStyle name="標準 3 2 3 3 3 3" xfId="1916"/>
    <cellStyle name="標準 3 2 3 3 3 3 2" xfId="4868"/>
    <cellStyle name="標準 3 2 3 3 3 3 3" xfId="7820"/>
    <cellStyle name="標準 3 2 3 3 3 3_原油高騰等の影響業種" xfId="9361"/>
    <cellStyle name="標準 3 2 3 3 3 4" xfId="2654"/>
    <cellStyle name="標準 3 2 3 3 3 4 2" xfId="5606"/>
    <cellStyle name="標準 3 2 3 3 3 4 3" xfId="8558"/>
    <cellStyle name="標準 3 2 3 3 3 4_原油高騰等の影響業種" xfId="9362"/>
    <cellStyle name="標準 3 2 3 3 3 5" xfId="3392"/>
    <cellStyle name="標準 3 2 3 3 3 6" xfId="6344"/>
    <cellStyle name="標準 3 2 3 3 3_原油高騰等の影響業種" xfId="9359"/>
    <cellStyle name="標準 3 2 3 3 4" xfId="809"/>
    <cellStyle name="標準 3 2 3 3 4 2" xfId="3761"/>
    <cellStyle name="標準 3 2 3 3 4 3" xfId="6713"/>
    <cellStyle name="標準 3 2 3 3 4_原油高騰等の影響業種" xfId="9363"/>
    <cellStyle name="標準 3 2 3 3 5" xfId="1547"/>
    <cellStyle name="標準 3 2 3 3 5 2" xfId="4499"/>
    <cellStyle name="標準 3 2 3 3 5 3" xfId="7451"/>
    <cellStyle name="標準 3 2 3 3 5_原油高騰等の影響業種" xfId="9364"/>
    <cellStyle name="標準 3 2 3 3 6" xfId="2285"/>
    <cellStyle name="標準 3 2 3 3 6 2" xfId="5237"/>
    <cellStyle name="標準 3 2 3 3 6 3" xfId="8189"/>
    <cellStyle name="標準 3 2 3 3 6_原油高騰等の影響業種" xfId="9365"/>
    <cellStyle name="標準 3 2 3 3 7" xfId="3023"/>
    <cellStyle name="標準 3 2 3 3 8" xfId="5975"/>
    <cellStyle name="標準 3 2 3 3_原油高騰等の影響業種" xfId="9350"/>
    <cellStyle name="標準 3 2 3 4" xfId="112"/>
    <cellStyle name="標準 3 2 3 4 2" xfId="292"/>
    <cellStyle name="標準 3 2 3 4 2 2" xfId="665"/>
    <cellStyle name="標準 3 2 3 4 2 2 2" xfId="1403"/>
    <cellStyle name="標準 3 2 3 4 2 2 2 2" xfId="4355"/>
    <cellStyle name="標準 3 2 3 4 2 2 2 3" xfId="7307"/>
    <cellStyle name="標準 3 2 3 4 2 2 2_原油高騰等の影響業種" xfId="9369"/>
    <cellStyle name="標準 3 2 3 4 2 2 3" xfId="2141"/>
    <cellStyle name="標準 3 2 3 4 2 2 3 2" xfId="5093"/>
    <cellStyle name="標準 3 2 3 4 2 2 3 3" xfId="8045"/>
    <cellStyle name="標準 3 2 3 4 2 2 3_原油高騰等の影響業種" xfId="9370"/>
    <cellStyle name="標準 3 2 3 4 2 2 4" xfId="2879"/>
    <cellStyle name="標準 3 2 3 4 2 2 4 2" xfId="5831"/>
    <cellStyle name="標準 3 2 3 4 2 2 4 3" xfId="8783"/>
    <cellStyle name="標準 3 2 3 4 2 2 4_原油高騰等の影響業種" xfId="9371"/>
    <cellStyle name="標準 3 2 3 4 2 2 5" xfId="3617"/>
    <cellStyle name="標準 3 2 3 4 2 2 6" xfId="6569"/>
    <cellStyle name="標準 3 2 3 4 2 2_原油高騰等の影響業種" xfId="9368"/>
    <cellStyle name="標準 3 2 3 4 2 3" xfId="1034"/>
    <cellStyle name="標準 3 2 3 4 2 3 2" xfId="3986"/>
    <cellStyle name="標準 3 2 3 4 2 3 3" xfId="6938"/>
    <cellStyle name="標準 3 2 3 4 2 3_原油高騰等の影響業種" xfId="9372"/>
    <cellStyle name="標準 3 2 3 4 2 4" xfId="1772"/>
    <cellStyle name="標準 3 2 3 4 2 4 2" xfId="4724"/>
    <cellStyle name="標準 3 2 3 4 2 4 3" xfId="7676"/>
    <cellStyle name="標準 3 2 3 4 2 4_原油高騰等の影響業種" xfId="9373"/>
    <cellStyle name="標準 3 2 3 4 2 5" xfId="2510"/>
    <cellStyle name="標準 3 2 3 4 2 5 2" xfId="5462"/>
    <cellStyle name="標準 3 2 3 4 2 5 3" xfId="8414"/>
    <cellStyle name="標準 3 2 3 4 2 5_原油高騰等の影響業種" xfId="9374"/>
    <cellStyle name="標準 3 2 3 4 2 6" xfId="3248"/>
    <cellStyle name="標準 3 2 3 4 2 7" xfId="6200"/>
    <cellStyle name="標準 3 2 3 4 2_原油高騰等の影響業種" xfId="9367"/>
    <cellStyle name="標準 3 2 3 4 3" xfId="485"/>
    <cellStyle name="標準 3 2 3 4 3 2" xfId="1223"/>
    <cellStyle name="標準 3 2 3 4 3 2 2" xfId="4175"/>
    <cellStyle name="標準 3 2 3 4 3 2 3" xfId="7127"/>
    <cellStyle name="標準 3 2 3 4 3 2_原油高騰等の影響業種" xfId="9376"/>
    <cellStyle name="標準 3 2 3 4 3 3" xfId="1961"/>
    <cellStyle name="標準 3 2 3 4 3 3 2" xfId="4913"/>
    <cellStyle name="標準 3 2 3 4 3 3 3" xfId="7865"/>
    <cellStyle name="標準 3 2 3 4 3 3_原油高騰等の影響業種" xfId="9377"/>
    <cellStyle name="標準 3 2 3 4 3 4" xfId="2699"/>
    <cellStyle name="標準 3 2 3 4 3 4 2" xfId="5651"/>
    <cellStyle name="標準 3 2 3 4 3 4 3" xfId="8603"/>
    <cellStyle name="標準 3 2 3 4 3 4_原油高騰等の影響業種" xfId="9378"/>
    <cellStyle name="標準 3 2 3 4 3 5" xfId="3437"/>
    <cellStyle name="標準 3 2 3 4 3 6" xfId="6389"/>
    <cellStyle name="標準 3 2 3 4 3_原油高騰等の影響業種" xfId="9375"/>
    <cellStyle name="標準 3 2 3 4 4" xfId="854"/>
    <cellStyle name="標準 3 2 3 4 4 2" xfId="3806"/>
    <cellStyle name="標準 3 2 3 4 4 3" xfId="6758"/>
    <cellStyle name="標準 3 2 3 4 4_原油高騰等の影響業種" xfId="9379"/>
    <cellStyle name="標準 3 2 3 4 5" xfId="1592"/>
    <cellStyle name="標準 3 2 3 4 5 2" xfId="4544"/>
    <cellStyle name="標準 3 2 3 4 5 3" xfId="7496"/>
    <cellStyle name="標準 3 2 3 4 5_原油高騰等の影響業種" xfId="9380"/>
    <cellStyle name="標準 3 2 3 4 6" xfId="2330"/>
    <cellStyle name="標準 3 2 3 4 6 2" xfId="5282"/>
    <cellStyle name="標準 3 2 3 4 6 3" xfId="8234"/>
    <cellStyle name="標準 3 2 3 4 6_原油高騰等の影響業種" xfId="9381"/>
    <cellStyle name="標準 3 2 3 4 7" xfId="3068"/>
    <cellStyle name="標準 3 2 3 4 8" xfId="6020"/>
    <cellStyle name="標準 3 2 3 4_原油高騰等の影響業種" xfId="9366"/>
    <cellStyle name="標準 3 2 3 5" xfId="157"/>
    <cellStyle name="標準 3 2 3 5 2" xfId="337"/>
    <cellStyle name="標準 3 2 3 5 2 2" xfId="710"/>
    <cellStyle name="標準 3 2 3 5 2 2 2" xfId="1448"/>
    <cellStyle name="標準 3 2 3 5 2 2 2 2" xfId="4400"/>
    <cellStyle name="標準 3 2 3 5 2 2 2 3" xfId="7352"/>
    <cellStyle name="標準 3 2 3 5 2 2 2_原油高騰等の影響業種" xfId="9385"/>
    <cellStyle name="標準 3 2 3 5 2 2 3" xfId="2186"/>
    <cellStyle name="標準 3 2 3 5 2 2 3 2" xfId="5138"/>
    <cellStyle name="標準 3 2 3 5 2 2 3 3" xfId="8090"/>
    <cellStyle name="標準 3 2 3 5 2 2 3_原油高騰等の影響業種" xfId="9386"/>
    <cellStyle name="標準 3 2 3 5 2 2 4" xfId="2924"/>
    <cellStyle name="標準 3 2 3 5 2 2 4 2" xfId="5876"/>
    <cellStyle name="標準 3 2 3 5 2 2 4 3" xfId="8828"/>
    <cellStyle name="標準 3 2 3 5 2 2 4_原油高騰等の影響業種" xfId="9387"/>
    <cellStyle name="標準 3 2 3 5 2 2 5" xfId="3662"/>
    <cellStyle name="標準 3 2 3 5 2 2 6" xfId="6614"/>
    <cellStyle name="標準 3 2 3 5 2 2_原油高騰等の影響業種" xfId="9384"/>
    <cellStyle name="標準 3 2 3 5 2 3" xfId="1079"/>
    <cellStyle name="標準 3 2 3 5 2 3 2" xfId="4031"/>
    <cellStyle name="標準 3 2 3 5 2 3 3" xfId="6983"/>
    <cellStyle name="標準 3 2 3 5 2 3_原油高騰等の影響業種" xfId="9388"/>
    <cellStyle name="標準 3 2 3 5 2 4" xfId="1817"/>
    <cellStyle name="標準 3 2 3 5 2 4 2" xfId="4769"/>
    <cellStyle name="標準 3 2 3 5 2 4 3" xfId="7721"/>
    <cellStyle name="標準 3 2 3 5 2 4_原油高騰等の影響業種" xfId="9389"/>
    <cellStyle name="標準 3 2 3 5 2 5" xfId="2555"/>
    <cellStyle name="標準 3 2 3 5 2 5 2" xfId="5507"/>
    <cellStyle name="標準 3 2 3 5 2 5 3" xfId="8459"/>
    <cellStyle name="標準 3 2 3 5 2 5_原油高騰等の影響業種" xfId="9390"/>
    <cellStyle name="標準 3 2 3 5 2 6" xfId="3293"/>
    <cellStyle name="標準 3 2 3 5 2 7" xfId="6245"/>
    <cellStyle name="標準 3 2 3 5 2_原油高騰等の影響業種" xfId="9383"/>
    <cellStyle name="標準 3 2 3 5 3" xfId="530"/>
    <cellStyle name="標準 3 2 3 5 3 2" xfId="1268"/>
    <cellStyle name="標準 3 2 3 5 3 2 2" xfId="4220"/>
    <cellStyle name="標準 3 2 3 5 3 2 3" xfId="7172"/>
    <cellStyle name="標準 3 2 3 5 3 2_原油高騰等の影響業種" xfId="9392"/>
    <cellStyle name="標準 3 2 3 5 3 3" xfId="2006"/>
    <cellStyle name="標準 3 2 3 5 3 3 2" xfId="4958"/>
    <cellStyle name="標準 3 2 3 5 3 3 3" xfId="7910"/>
    <cellStyle name="標準 3 2 3 5 3 3_原油高騰等の影響業種" xfId="9393"/>
    <cellStyle name="標準 3 2 3 5 3 4" xfId="2744"/>
    <cellStyle name="標準 3 2 3 5 3 4 2" xfId="5696"/>
    <cellStyle name="標準 3 2 3 5 3 4 3" xfId="8648"/>
    <cellStyle name="標準 3 2 3 5 3 4_原油高騰等の影響業種" xfId="9394"/>
    <cellStyle name="標準 3 2 3 5 3 5" xfId="3482"/>
    <cellStyle name="標準 3 2 3 5 3 6" xfId="6434"/>
    <cellStyle name="標準 3 2 3 5 3_原油高騰等の影響業種" xfId="9391"/>
    <cellStyle name="標準 3 2 3 5 4" xfId="899"/>
    <cellStyle name="標準 3 2 3 5 4 2" xfId="3851"/>
    <cellStyle name="標準 3 2 3 5 4 3" xfId="6803"/>
    <cellStyle name="標準 3 2 3 5 4_原油高騰等の影響業種" xfId="9395"/>
    <cellStyle name="標準 3 2 3 5 5" xfId="1637"/>
    <cellStyle name="標準 3 2 3 5 5 2" xfId="4589"/>
    <cellStyle name="標準 3 2 3 5 5 3" xfId="7541"/>
    <cellStyle name="標準 3 2 3 5 5_原油高騰等の影響業種" xfId="9396"/>
    <cellStyle name="標準 3 2 3 5 6" xfId="2375"/>
    <cellStyle name="標準 3 2 3 5 6 2" xfId="5327"/>
    <cellStyle name="標準 3 2 3 5 6 3" xfId="8279"/>
    <cellStyle name="標準 3 2 3 5 6_原油高騰等の影響業種" xfId="9397"/>
    <cellStyle name="標準 3 2 3 5 7" xfId="3113"/>
    <cellStyle name="標準 3 2 3 5 8" xfId="6065"/>
    <cellStyle name="標準 3 2 3 5_原油高騰等の影響業種" xfId="9382"/>
    <cellStyle name="標準 3 2 3 6" xfId="202"/>
    <cellStyle name="標準 3 2 3 6 2" xfId="575"/>
    <cellStyle name="標準 3 2 3 6 2 2" xfId="1313"/>
    <cellStyle name="標準 3 2 3 6 2 2 2" xfId="4265"/>
    <cellStyle name="標準 3 2 3 6 2 2 3" xfId="7217"/>
    <cellStyle name="標準 3 2 3 6 2 2_原油高騰等の影響業種" xfId="9400"/>
    <cellStyle name="標準 3 2 3 6 2 3" xfId="2051"/>
    <cellStyle name="標準 3 2 3 6 2 3 2" xfId="5003"/>
    <cellStyle name="標準 3 2 3 6 2 3 3" xfId="7955"/>
    <cellStyle name="標準 3 2 3 6 2 3_原油高騰等の影響業種" xfId="9401"/>
    <cellStyle name="標準 3 2 3 6 2 4" xfId="2789"/>
    <cellStyle name="標準 3 2 3 6 2 4 2" xfId="5741"/>
    <cellStyle name="標準 3 2 3 6 2 4 3" xfId="8693"/>
    <cellStyle name="標準 3 2 3 6 2 4_原油高騰等の影響業種" xfId="9402"/>
    <cellStyle name="標準 3 2 3 6 2 5" xfId="3527"/>
    <cellStyle name="標準 3 2 3 6 2 6" xfId="6479"/>
    <cellStyle name="標準 3 2 3 6 2_原油高騰等の影響業種" xfId="9399"/>
    <cellStyle name="標準 3 2 3 6 3" xfId="944"/>
    <cellStyle name="標準 3 2 3 6 3 2" xfId="3896"/>
    <cellStyle name="標準 3 2 3 6 3 3" xfId="6848"/>
    <cellStyle name="標準 3 2 3 6 3_原油高騰等の影響業種" xfId="9403"/>
    <cellStyle name="標準 3 2 3 6 4" xfId="1682"/>
    <cellStyle name="標準 3 2 3 6 4 2" xfId="4634"/>
    <cellStyle name="標準 3 2 3 6 4 3" xfId="7586"/>
    <cellStyle name="標準 3 2 3 6 4_原油高騰等の影響業種" xfId="9404"/>
    <cellStyle name="標準 3 2 3 6 5" xfId="2420"/>
    <cellStyle name="標準 3 2 3 6 5 2" xfId="5372"/>
    <cellStyle name="標準 3 2 3 6 5 3" xfId="8324"/>
    <cellStyle name="標準 3 2 3 6 5_原油高騰等の影響業種" xfId="9405"/>
    <cellStyle name="標準 3 2 3 6 6" xfId="3158"/>
    <cellStyle name="標準 3 2 3 6 7" xfId="6110"/>
    <cellStyle name="標準 3 2 3 6_原油高騰等の影響業種" xfId="9398"/>
    <cellStyle name="標準 3 2 3 7" xfId="395"/>
    <cellStyle name="標準 3 2 3 7 2" xfId="1133"/>
    <cellStyle name="標準 3 2 3 7 2 2" xfId="4085"/>
    <cellStyle name="標準 3 2 3 7 2 3" xfId="7037"/>
    <cellStyle name="標準 3 2 3 7 2_原油高騰等の影響業種" xfId="9407"/>
    <cellStyle name="標準 3 2 3 7 3" xfId="1871"/>
    <cellStyle name="標準 3 2 3 7 3 2" xfId="4823"/>
    <cellStyle name="標準 3 2 3 7 3 3" xfId="7775"/>
    <cellStyle name="標準 3 2 3 7 3_原油高騰等の影響業種" xfId="9408"/>
    <cellStyle name="標準 3 2 3 7 4" xfId="2609"/>
    <cellStyle name="標準 3 2 3 7 4 2" xfId="5561"/>
    <cellStyle name="標準 3 2 3 7 4 3" xfId="8513"/>
    <cellStyle name="標準 3 2 3 7 4_原油高騰等の影響業種" xfId="9409"/>
    <cellStyle name="標準 3 2 3 7 5" xfId="3347"/>
    <cellStyle name="標準 3 2 3 7 6" xfId="6299"/>
    <cellStyle name="標準 3 2 3 7_原油高騰等の影響業種" xfId="9406"/>
    <cellStyle name="標準 3 2 3 8" xfId="764"/>
    <cellStyle name="標準 3 2 3 8 2" xfId="3716"/>
    <cellStyle name="標準 3 2 3 8 3" xfId="6668"/>
    <cellStyle name="標準 3 2 3 8_原油高騰等の影響業種" xfId="9410"/>
    <cellStyle name="標準 3 2 3 9" xfId="1502"/>
    <cellStyle name="標準 3 2 3 9 2" xfId="4454"/>
    <cellStyle name="標準 3 2 3 9 3" xfId="7406"/>
    <cellStyle name="標準 3 2 3 9_原油高騰等の影響業種" xfId="9411"/>
    <cellStyle name="標準 3 2 3_原油高騰等の影響業種" xfId="9284"/>
    <cellStyle name="標準 3 2 4" xfId="31"/>
    <cellStyle name="標準 3 2 4 10" xfId="2987"/>
    <cellStyle name="標準 3 2 4 11" xfId="5939"/>
    <cellStyle name="標準 3 2 4 2" xfId="76"/>
    <cellStyle name="標準 3 2 4 2 2" xfId="256"/>
    <cellStyle name="標準 3 2 4 2 2 2" xfId="629"/>
    <cellStyle name="標準 3 2 4 2 2 2 2" xfId="1367"/>
    <cellStyle name="標準 3 2 4 2 2 2 2 2" xfId="4319"/>
    <cellStyle name="標準 3 2 4 2 2 2 2 3" xfId="7271"/>
    <cellStyle name="標準 3 2 4 2 2 2 2_原油高騰等の影響業種" xfId="9416"/>
    <cellStyle name="標準 3 2 4 2 2 2 3" xfId="2105"/>
    <cellStyle name="標準 3 2 4 2 2 2 3 2" xfId="5057"/>
    <cellStyle name="標準 3 2 4 2 2 2 3 3" xfId="8009"/>
    <cellStyle name="標準 3 2 4 2 2 2 3_原油高騰等の影響業種" xfId="9417"/>
    <cellStyle name="標準 3 2 4 2 2 2 4" xfId="2843"/>
    <cellStyle name="標準 3 2 4 2 2 2 4 2" xfId="5795"/>
    <cellStyle name="標準 3 2 4 2 2 2 4 3" xfId="8747"/>
    <cellStyle name="標準 3 2 4 2 2 2 4_原油高騰等の影響業種" xfId="9418"/>
    <cellStyle name="標準 3 2 4 2 2 2 5" xfId="3581"/>
    <cellStyle name="標準 3 2 4 2 2 2 6" xfId="6533"/>
    <cellStyle name="標準 3 2 4 2 2 2_原油高騰等の影響業種" xfId="9415"/>
    <cellStyle name="標準 3 2 4 2 2 3" xfId="998"/>
    <cellStyle name="標準 3 2 4 2 2 3 2" xfId="3950"/>
    <cellStyle name="標準 3 2 4 2 2 3 3" xfId="6902"/>
    <cellStyle name="標準 3 2 4 2 2 3_原油高騰等の影響業種" xfId="9419"/>
    <cellStyle name="標準 3 2 4 2 2 4" xfId="1736"/>
    <cellStyle name="標準 3 2 4 2 2 4 2" xfId="4688"/>
    <cellStyle name="標準 3 2 4 2 2 4 3" xfId="7640"/>
    <cellStyle name="標準 3 2 4 2 2 4_原油高騰等の影響業種" xfId="9420"/>
    <cellStyle name="標準 3 2 4 2 2 5" xfId="2474"/>
    <cellStyle name="標準 3 2 4 2 2 5 2" xfId="5426"/>
    <cellStyle name="標準 3 2 4 2 2 5 3" xfId="8378"/>
    <cellStyle name="標準 3 2 4 2 2 5_原油高騰等の影響業種" xfId="9421"/>
    <cellStyle name="標準 3 2 4 2 2 6" xfId="3212"/>
    <cellStyle name="標準 3 2 4 2 2 7" xfId="6164"/>
    <cellStyle name="標準 3 2 4 2 2_原油高騰等の影響業種" xfId="9414"/>
    <cellStyle name="標準 3 2 4 2 3" xfId="449"/>
    <cellStyle name="標準 3 2 4 2 3 2" xfId="1187"/>
    <cellStyle name="標準 3 2 4 2 3 2 2" xfId="4139"/>
    <cellStyle name="標準 3 2 4 2 3 2 3" xfId="7091"/>
    <cellStyle name="標準 3 2 4 2 3 2_原油高騰等の影響業種" xfId="9423"/>
    <cellStyle name="標準 3 2 4 2 3 3" xfId="1925"/>
    <cellStyle name="標準 3 2 4 2 3 3 2" xfId="4877"/>
    <cellStyle name="標準 3 2 4 2 3 3 3" xfId="7829"/>
    <cellStyle name="標準 3 2 4 2 3 3_原油高騰等の影響業種" xfId="9424"/>
    <cellStyle name="標準 3 2 4 2 3 4" xfId="2663"/>
    <cellStyle name="標準 3 2 4 2 3 4 2" xfId="5615"/>
    <cellStyle name="標準 3 2 4 2 3 4 3" xfId="8567"/>
    <cellStyle name="標準 3 2 4 2 3 4_原油高騰等の影響業種" xfId="9425"/>
    <cellStyle name="標準 3 2 4 2 3 5" xfId="3401"/>
    <cellStyle name="標準 3 2 4 2 3 6" xfId="6353"/>
    <cellStyle name="標準 3 2 4 2 3_原油高騰等の影響業種" xfId="9422"/>
    <cellStyle name="標準 3 2 4 2 4" xfId="818"/>
    <cellStyle name="標準 3 2 4 2 4 2" xfId="3770"/>
    <cellStyle name="標準 3 2 4 2 4 3" xfId="6722"/>
    <cellStyle name="標準 3 2 4 2 4_原油高騰等の影響業種" xfId="9426"/>
    <cellStyle name="標準 3 2 4 2 5" xfId="1556"/>
    <cellStyle name="標準 3 2 4 2 5 2" xfId="4508"/>
    <cellStyle name="標準 3 2 4 2 5 3" xfId="7460"/>
    <cellStyle name="標準 3 2 4 2 5_原油高騰等の影響業種" xfId="9427"/>
    <cellStyle name="標準 3 2 4 2 6" xfId="2294"/>
    <cellStyle name="標準 3 2 4 2 6 2" xfId="5246"/>
    <cellStyle name="標準 3 2 4 2 6 3" xfId="8198"/>
    <cellStyle name="標準 3 2 4 2 6_原油高騰等の影響業種" xfId="9428"/>
    <cellStyle name="標準 3 2 4 2 7" xfId="3032"/>
    <cellStyle name="標準 3 2 4 2 8" xfId="5984"/>
    <cellStyle name="標準 3 2 4 2_原油高騰等の影響業種" xfId="9413"/>
    <cellStyle name="標準 3 2 4 3" xfId="121"/>
    <cellStyle name="標準 3 2 4 3 2" xfId="301"/>
    <cellStyle name="標準 3 2 4 3 2 2" xfId="674"/>
    <cellStyle name="標準 3 2 4 3 2 2 2" xfId="1412"/>
    <cellStyle name="標準 3 2 4 3 2 2 2 2" xfId="4364"/>
    <cellStyle name="標準 3 2 4 3 2 2 2 3" xfId="7316"/>
    <cellStyle name="標準 3 2 4 3 2 2 2_原油高騰等の影響業種" xfId="9432"/>
    <cellStyle name="標準 3 2 4 3 2 2 3" xfId="2150"/>
    <cellStyle name="標準 3 2 4 3 2 2 3 2" xfId="5102"/>
    <cellStyle name="標準 3 2 4 3 2 2 3 3" xfId="8054"/>
    <cellStyle name="標準 3 2 4 3 2 2 3_原油高騰等の影響業種" xfId="9433"/>
    <cellStyle name="標準 3 2 4 3 2 2 4" xfId="2888"/>
    <cellStyle name="標準 3 2 4 3 2 2 4 2" xfId="5840"/>
    <cellStyle name="標準 3 2 4 3 2 2 4 3" xfId="8792"/>
    <cellStyle name="標準 3 2 4 3 2 2 4_原油高騰等の影響業種" xfId="9434"/>
    <cellStyle name="標準 3 2 4 3 2 2 5" xfId="3626"/>
    <cellStyle name="標準 3 2 4 3 2 2 6" xfId="6578"/>
    <cellStyle name="標準 3 2 4 3 2 2_原油高騰等の影響業種" xfId="9431"/>
    <cellStyle name="標準 3 2 4 3 2 3" xfId="1043"/>
    <cellStyle name="標準 3 2 4 3 2 3 2" xfId="3995"/>
    <cellStyle name="標準 3 2 4 3 2 3 3" xfId="6947"/>
    <cellStyle name="標準 3 2 4 3 2 3_原油高騰等の影響業種" xfId="9435"/>
    <cellStyle name="標準 3 2 4 3 2 4" xfId="1781"/>
    <cellStyle name="標準 3 2 4 3 2 4 2" xfId="4733"/>
    <cellStyle name="標準 3 2 4 3 2 4 3" xfId="7685"/>
    <cellStyle name="標準 3 2 4 3 2 4_原油高騰等の影響業種" xfId="9436"/>
    <cellStyle name="標準 3 2 4 3 2 5" xfId="2519"/>
    <cellStyle name="標準 3 2 4 3 2 5 2" xfId="5471"/>
    <cellStyle name="標準 3 2 4 3 2 5 3" xfId="8423"/>
    <cellStyle name="標準 3 2 4 3 2 5_原油高騰等の影響業種" xfId="9437"/>
    <cellStyle name="標準 3 2 4 3 2 6" xfId="3257"/>
    <cellStyle name="標準 3 2 4 3 2 7" xfId="6209"/>
    <cellStyle name="標準 3 2 4 3 2_原油高騰等の影響業種" xfId="9430"/>
    <cellStyle name="標準 3 2 4 3 3" xfId="494"/>
    <cellStyle name="標準 3 2 4 3 3 2" xfId="1232"/>
    <cellStyle name="標準 3 2 4 3 3 2 2" xfId="4184"/>
    <cellStyle name="標準 3 2 4 3 3 2 3" xfId="7136"/>
    <cellStyle name="標準 3 2 4 3 3 2_原油高騰等の影響業種" xfId="9439"/>
    <cellStyle name="標準 3 2 4 3 3 3" xfId="1970"/>
    <cellStyle name="標準 3 2 4 3 3 3 2" xfId="4922"/>
    <cellStyle name="標準 3 2 4 3 3 3 3" xfId="7874"/>
    <cellStyle name="標準 3 2 4 3 3 3_原油高騰等の影響業種" xfId="9440"/>
    <cellStyle name="標準 3 2 4 3 3 4" xfId="2708"/>
    <cellStyle name="標準 3 2 4 3 3 4 2" xfId="5660"/>
    <cellStyle name="標準 3 2 4 3 3 4 3" xfId="8612"/>
    <cellStyle name="標準 3 2 4 3 3 4_原油高騰等の影響業種" xfId="9441"/>
    <cellStyle name="標準 3 2 4 3 3 5" xfId="3446"/>
    <cellStyle name="標準 3 2 4 3 3 6" xfId="6398"/>
    <cellStyle name="標準 3 2 4 3 3_原油高騰等の影響業種" xfId="9438"/>
    <cellStyle name="標準 3 2 4 3 4" xfId="863"/>
    <cellStyle name="標準 3 2 4 3 4 2" xfId="3815"/>
    <cellStyle name="標準 3 2 4 3 4 3" xfId="6767"/>
    <cellStyle name="標準 3 2 4 3 4_原油高騰等の影響業種" xfId="9442"/>
    <cellStyle name="標準 3 2 4 3 5" xfId="1601"/>
    <cellStyle name="標準 3 2 4 3 5 2" xfId="4553"/>
    <cellStyle name="標準 3 2 4 3 5 3" xfId="7505"/>
    <cellStyle name="標準 3 2 4 3 5_原油高騰等の影響業種" xfId="9443"/>
    <cellStyle name="標準 3 2 4 3 6" xfId="2339"/>
    <cellStyle name="標準 3 2 4 3 6 2" xfId="5291"/>
    <cellStyle name="標準 3 2 4 3 6 3" xfId="8243"/>
    <cellStyle name="標準 3 2 4 3 6_原油高騰等の影響業種" xfId="9444"/>
    <cellStyle name="標準 3 2 4 3 7" xfId="3077"/>
    <cellStyle name="標準 3 2 4 3 8" xfId="6029"/>
    <cellStyle name="標準 3 2 4 3_原油高騰等の影響業種" xfId="9429"/>
    <cellStyle name="標準 3 2 4 4" xfId="166"/>
    <cellStyle name="標準 3 2 4 4 2" xfId="346"/>
    <cellStyle name="標準 3 2 4 4 2 2" xfId="719"/>
    <cellStyle name="標準 3 2 4 4 2 2 2" xfId="1457"/>
    <cellStyle name="標準 3 2 4 4 2 2 2 2" xfId="4409"/>
    <cellStyle name="標準 3 2 4 4 2 2 2 3" xfId="7361"/>
    <cellStyle name="標準 3 2 4 4 2 2 2_原油高騰等の影響業種" xfId="9448"/>
    <cellStyle name="標準 3 2 4 4 2 2 3" xfId="2195"/>
    <cellStyle name="標準 3 2 4 4 2 2 3 2" xfId="5147"/>
    <cellStyle name="標準 3 2 4 4 2 2 3 3" xfId="8099"/>
    <cellStyle name="標準 3 2 4 4 2 2 3_原油高騰等の影響業種" xfId="9449"/>
    <cellStyle name="標準 3 2 4 4 2 2 4" xfId="2933"/>
    <cellStyle name="標準 3 2 4 4 2 2 4 2" xfId="5885"/>
    <cellStyle name="標準 3 2 4 4 2 2 4 3" xfId="8837"/>
    <cellStyle name="標準 3 2 4 4 2 2 4_原油高騰等の影響業種" xfId="9450"/>
    <cellStyle name="標準 3 2 4 4 2 2 5" xfId="3671"/>
    <cellStyle name="標準 3 2 4 4 2 2 6" xfId="6623"/>
    <cellStyle name="標準 3 2 4 4 2 2_原油高騰等の影響業種" xfId="9447"/>
    <cellStyle name="標準 3 2 4 4 2 3" xfId="1088"/>
    <cellStyle name="標準 3 2 4 4 2 3 2" xfId="4040"/>
    <cellStyle name="標準 3 2 4 4 2 3 3" xfId="6992"/>
    <cellStyle name="標準 3 2 4 4 2 3_原油高騰等の影響業種" xfId="9451"/>
    <cellStyle name="標準 3 2 4 4 2 4" xfId="1826"/>
    <cellStyle name="標準 3 2 4 4 2 4 2" xfId="4778"/>
    <cellStyle name="標準 3 2 4 4 2 4 3" xfId="7730"/>
    <cellStyle name="標準 3 2 4 4 2 4_原油高騰等の影響業種" xfId="9452"/>
    <cellStyle name="標準 3 2 4 4 2 5" xfId="2564"/>
    <cellStyle name="標準 3 2 4 4 2 5 2" xfId="5516"/>
    <cellStyle name="標準 3 2 4 4 2 5 3" xfId="8468"/>
    <cellStyle name="標準 3 2 4 4 2 5_原油高騰等の影響業種" xfId="9453"/>
    <cellStyle name="標準 3 2 4 4 2 6" xfId="3302"/>
    <cellStyle name="標準 3 2 4 4 2 7" xfId="6254"/>
    <cellStyle name="標準 3 2 4 4 2_原油高騰等の影響業種" xfId="9446"/>
    <cellStyle name="標準 3 2 4 4 3" xfId="539"/>
    <cellStyle name="標準 3 2 4 4 3 2" xfId="1277"/>
    <cellStyle name="標準 3 2 4 4 3 2 2" xfId="4229"/>
    <cellStyle name="標準 3 2 4 4 3 2 3" xfId="7181"/>
    <cellStyle name="標準 3 2 4 4 3 2_原油高騰等の影響業種" xfId="9455"/>
    <cellStyle name="標準 3 2 4 4 3 3" xfId="2015"/>
    <cellStyle name="標準 3 2 4 4 3 3 2" xfId="4967"/>
    <cellStyle name="標準 3 2 4 4 3 3 3" xfId="7919"/>
    <cellStyle name="標準 3 2 4 4 3 3_原油高騰等の影響業種" xfId="9456"/>
    <cellStyle name="標準 3 2 4 4 3 4" xfId="2753"/>
    <cellStyle name="標準 3 2 4 4 3 4 2" xfId="5705"/>
    <cellStyle name="標準 3 2 4 4 3 4 3" xfId="8657"/>
    <cellStyle name="標準 3 2 4 4 3 4_原油高騰等の影響業種" xfId="9457"/>
    <cellStyle name="標準 3 2 4 4 3 5" xfId="3491"/>
    <cellStyle name="標準 3 2 4 4 3 6" xfId="6443"/>
    <cellStyle name="標準 3 2 4 4 3_原油高騰等の影響業種" xfId="9454"/>
    <cellStyle name="標準 3 2 4 4 4" xfId="908"/>
    <cellStyle name="標準 3 2 4 4 4 2" xfId="3860"/>
    <cellStyle name="標準 3 2 4 4 4 3" xfId="6812"/>
    <cellStyle name="標準 3 2 4 4 4_原油高騰等の影響業種" xfId="9458"/>
    <cellStyle name="標準 3 2 4 4 5" xfId="1646"/>
    <cellStyle name="標準 3 2 4 4 5 2" xfId="4598"/>
    <cellStyle name="標準 3 2 4 4 5 3" xfId="7550"/>
    <cellStyle name="標準 3 2 4 4 5_原油高騰等の影響業種" xfId="9459"/>
    <cellStyle name="標準 3 2 4 4 6" xfId="2384"/>
    <cellStyle name="標準 3 2 4 4 6 2" xfId="5336"/>
    <cellStyle name="標準 3 2 4 4 6 3" xfId="8288"/>
    <cellStyle name="標準 3 2 4 4 6_原油高騰等の影響業種" xfId="9460"/>
    <cellStyle name="標準 3 2 4 4 7" xfId="3122"/>
    <cellStyle name="標準 3 2 4 4 8" xfId="6074"/>
    <cellStyle name="標準 3 2 4 4_原油高騰等の影響業種" xfId="9445"/>
    <cellStyle name="標準 3 2 4 5" xfId="211"/>
    <cellStyle name="標準 3 2 4 5 2" xfId="584"/>
    <cellStyle name="標準 3 2 4 5 2 2" xfId="1322"/>
    <cellStyle name="標準 3 2 4 5 2 2 2" xfId="4274"/>
    <cellStyle name="標準 3 2 4 5 2 2 3" xfId="7226"/>
    <cellStyle name="標準 3 2 4 5 2 2_原油高騰等の影響業種" xfId="9463"/>
    <cellStyle name="標準 3 2 4 5 2 3" xfId="2060"/>
    <cellStyle name="標準 3 2 4 5 2 3 2" xfId="5012"/>
    <cellStyle name="標準 3 2 4 5 2 3 3" xfId="7964"/>
    <cellStyle name="標準 3 2 4 5 2 3_原油高騰等の影響業種" xfId="9464"/>
    <cellStyle name="標準 3 2 4 5 2 4" xfId="2798"/>
    <cellStyle name="標準 3 2 4 5 2 4 2" xfId="5750"/>
    <cellStyle name="標準 3 2 4 5 2 4 3" xfId="8702"/>
    <cellStyle name="標準 3 2 4 5 2 4_原油高騰等の影響業種" xfId="9465"/>
    <cellStyle name="標準 3 2 4 5 2 5" xfId="3536"/>
    <cellStyle name="標準 3 2 4 5 2 6" xfId="6488"/>
    <cellStyle name="標準 3 2 4 5 2_原油高騰等の影響業種" xfId="9462"/>
    <cellStyle name="標準 3 2 4 5 3" xfId="953"/>
    <cellStyle name="標準 3 2 4 5 3 2" xfId="3905"/>
    <cellStyle name="標準 3 2 4 5 3 3" xfId="6857"/>
    <cellStyle name="標準 3 2 4 5 3_原油高騰等の影響業種" xfId="9466"/>
    <cellStyle name="標準 3 2 4 5 4" xfId="1691"/>
    <cellStyle name="標準 3 2 4 5 4 2" xfId="4643"/>
    <cellStyle name="標準 3 2 4 5 4 3" xfId="7595"/>
    <cellStyle name="標準 3 2 4 5 4_原油高騰等の影響業種" xfId="9467"/>
    <cellStyle name="標準 3 2 4 5 5" xfId="2429"/>
    <cellStyle name="標準 3 2 4 5 5 2" xfId="5381"/>
    <cellStyle name="標準 3 2 4 5 5 3" xfId="8333"/>
    <cellStyle name="標準 3 2 4 5 5_原油高騰等の影響業種" xfId="9468"/>
    <cellStyle name="標準 3 2 4 5 6" xfId="3167"/>
    <cellStyle name="標準 3 2 4 5 7" xfId="6119"/>
    <cellStyle name="標準 3 2 4 5_原油高騰等の影響業種" xfId="9461"/>
    <cellStyle name="標準 3 2 4 6" xfId="404"/>
    <cellStyle name="標準 3 2 4 6 2" xfId="1142"/>
    <cellStyle name="標準 3 2 4 6 2 2" xfId="4094"/>
    <cellStyle name="標準 3 2 4 6 2 3" xfId="7046"/>
    <cellStyle name="標準 3 2 4 6 2_原油高騰等の影響業種" xfId="9470"/>
    <cellStyle name="標準 3 2 4 6 3" xfId="1880"/>
    <cellStyle name="標準 3 2 4 6 3 2" xfId="4832"/>
    <cellStyle name="標準 3 2 4 6 3 3" xfId="7784"/>
    <cellStyle name="標準 3 2 4 6 3_原油高騰等の影響業種" xfId="9471"/>
    <cellStyle name="標準 3 2 4 6 4" xfId="2618"/>
    <cellStyle name="標準 3 2 4 6 4 2" xfId="5570"/>
    <cellStyle name="標準 3 2 4 6 4 3" xfId="8522"/>
    <cellStyle name="標準 3 2 4 6 4_原油高騰等の影響業種" xfId="9472"/>
    <cellStyle name="標準 3 2 4 6 5" xfId="3356"/>
    <cellStyle name="標準 3 2 4 6 6" xfId="6308"/>
    <cellStyle name="標準 3 2 4 6_原油高騰等の影響業種" xfId="9469"/>
    <cellStyle name="標準 3 2 4 7" xfId="773"/>
    <cellStyle name="標準 3 2 4 7 2" xfId="3725"/>
    <cellStyle name="標準 3 2 4 7 3" xfId="6677"/>
    <cellStyle name="標準 3 2 4 7_原油高騰等の影響業種" xfId="9473"/>
    <cellStyle name="標準 3 2 4 8" xfId="1511"/>
    <cellStyle name="標準 3 2 4 8 2" xfId="4463"/>
    <cellStyle name="標準 3 2 4 8 3" xfId="7415"/>
    <cellStyle name="標準 3 2 4 8_原油高騰等の影響業種" xfId="9474"/>
    <cellStyle name="標準 3 2 4 9" xfId="2249"/>
    <cellStyle name="標準 3 2 4 9 2" xfId="5201"/>
    <cellStyle name="標準 3 2 4 9 3" xfId="8153"/>
    <cellStyle name="標準 3 2 4 9_原油高騰等の影響業種" xfId="9475"/>
    <cellStyle name="標準 3 2 4_原油高騰等の影響業種" xfId="9412"/>
    <cellStyle name="標準 3 2 5" xfId="49"/>
    <cellStyle name="標準 3 2 5 10" xfId="3005"/>
    <cellStyle name="標準 3 2 5 11" xfId="5957"/>
    <cellStyle name="標準 3 2 5 2" xfId="94"/>
    <cellStyle name="標準 3 2 5 2 2" xfId="274"/>
    <cellStyle name="標準 3 2 5 2 2 2" xfId="647"/>
    <cellStyle name="標準 3 2 5 2 2 2 2" xfId="1385"/>
    <cellStyle name="標準 3 2 5 2 2 2 2 2" xfId="4337"/>
    <cellStyle name="標準 3 2 5 2 2 2 2 3" xfId="7289"/>
    <cellStyle name="標準 3 2 5 2 2 2 2_原油高騰等の影響業種" xfId="9480"/>
    <cellStyle name="標準 3 2 5 2 2 2 3" xfId="2123"/>
    <cellStyle name="標準 3 2 5 2 2 2 3 2" xfId="5075"/>
    <cellStyle name="標準 3 2 5 2 2 2 3 3" xfId="8027"/>
    <cellStyle name="標準 3 2 5 2 2 2 3_原油高騰等の影響業種" xfId="9481"/>
    <cellStyle name="標準 3 2 5 2 2 2 4" xfId="2861"/>
    <cellStyle name="標準 3 2 5 2 2 2 4 2" xfId="5813"/>
    <cellStyle name="標準 3 2 5 2 2 2 4 3" xfId="8765"/>
    <cellStyle name="標準 3 2 5 2 2 2 4_原油高騰等の影響業種" xfId="9482"/>
    <cellStyle name="標準 3 2 5 2 2 2 5" xfId="3599"/>
    <cellStyle name="標準 3 2 5 2 2 2 6" xfId="6551"/>
    <cellStyle name="標準 3 2 5 2 2 2_原油高騰等の影響業種" xfId="9479"/>
    <cellStyle name="標準 3 2 5 2 2 3" xfId="1016"/>
    <cellStyle name="標準 3 2 5 2 2 3 2" xfId="3968"/>
    <cellStyle name="標準 3 2 5 2 2 3 3" xfId="6920"/>
    <cellStyle name="標準 3 2 5 2 2 3_原油高騰等の影響業種" xfId="9483"/>
    <cellStyle name="標準 3 2 5 2 2 4" xfId="1754"/>
    <cellStyle name="標準 3 2 5 2 2 4 2" xfId="4706"/>
    <cellStyle name="標準 3 2 5 2 2 4 3" xfId="7658"/>
    <cellStyle name="標準 3 2 5 2 2 4_原油高騰等の影響業種" xfId="9484"/>
    <cellStyle name="標準 3 2 5 2 2 5" xfId="2492"/>
    <cellStyle name="標準 3 2 5 2 2 5 2" xfId="5444"/>
    <cellStyle name="標準 3 2 5 2 2 5 3" xfId="8396"/>
    <cellStyle name="標準 3 2 5 2 2 5_原油高騰等の影響業種" xfId="9485"/>
    <cellStyle name="標準 3 2 5 2 2 6" xfId="3230"/>
    <cellStyle name="標準 3 2 5 2 2 7" xfId="6182"/>
    <cellStyle name="標準 3 2 5 2 2_原油高騰等の影響業種" xfId="9478"/>
    <cellStyle name="標準 3 2 5 2 3" xfId="467"/>
    <cellStyle name="標準 3 2 5 2 3 2" xfId="1205"/>
    <cellStyle name="標準 3 2 5 2 3 2 2" xfId="4157"/>
    <cellStyle name="標準 3 2 5 2 3 2 3" xfId="7109"/>
    <cellStyle name="標準 3 2 5 2 3 2_原油高騰等の影響業種" xfId="9487"/>
    <cellStyle name="標準 3 2 5 2 3 3" xfId="1943"/>
    <cellStyle name="標準 3 2 5 2 3 3 2" xfId="4895"/>
    <cellStyle name="標準 3 2 5 2 3 3 3" xfId="7847"/>
    <cellStyle name="標準 3 2 5 2 3 3_原油高騰等の影響業種" xfId="9488"/>
    <cellStyle name="標準 3 2 5 2 3 4" xfId="2681"/>
    <cellStyle name="標準 3 2 5 2 3 4 2" xfId="5633"/>
    <cellStyle name="標準 3 2 5 2 3 4 3" xfId="8585"/>
    <cellStyle name="標準 3 2 5 2 3 4_原油高騰等の影響業種" xfId="9489"/>
    <cellStyle name="標準 3 2 5 2 3 5" xfId="3419"/>
    <cellStyle name="標準 3 2 5 2 3 6" xfId="6371"/>
    <cellStyle name="標準 3 2 5 2 3_原油高騰等の影響業種" xfId="9486"/>
    <cellStyle name="標準 3 2 5 2 4" xfId="836"/>
    <cellStyle name="標準 3 2 5 2 4 2" xfId="3788"/>
    <cellStyle name="標準 3 2 5 2 4 3" xfId="6740"/>
    <cellStyle name="標準 3 2 5 2 4_原油高騰等の影響業種" xfId="9490"/>
    <cellStyle name="標準 3 2 5 2 5" xfId="1574"/>
    <cellStyle name="標準 3 2 5 2 5 2" xfId="4526"/>
    <cellStyle name="標準 3 2 5 2 5 3" xfId="7478"/>
    <cellStyle name="標準 3 2 5 2 5_原油高騰等の影響業種" xfId="9491"/>
    <cellStyle name="標準 3 2 5 2 6" xfId="2312"/>
    <cellStyle name="標準 3 2 5 2 6 2" xfId="5264"/>
    <cellStyle name="標準 3 2 5 2 6 3" xfId="8216"/>
    <cellStyle name="標準 3 2 5 2 6_原油高騰等の影響業種" xfId="9492"/>
    <cellStyle name="標準 3 2 5 2 7" xfId="3050"/>
    <cellStyle name="標準 3 2 5 2 8" xfId="6002"/>
    <cellStyle name="標準 3 2 5 2_原油高騰等の影響業種" xfId="9477"/>
    <cellStyle name="標準 3 2 5 3" xfId="139"/>
    <cellStyle name="標準 3 2 5 3 2" xfId="319"/>
    <cellStyle name="標準 3 2 5 3 2 2" xfId="692"/>
    <cellStyle name="標準 3 2 5 3 2 2 2" xfId="1430"/>
    <cellStyle name="標準 3 2 5 3 2 2 2 2" xfId="4382"/>
    <cellStyle name="標準 3 2 5 3 2 2 2 3" xfId="7334"/>
    <cellStyle name="標準 3 2 5 3 2 2 2_原油高騰等の影響業種" xfId="9496"/>
    <cellStyle name="標準 3 2 5 3 2 2 3" xfId="2168"/>
    <cellStyle name="標準 3 2 5 3 2 2 3 2" xfId="5120"/>
    <cellStyle name="標準 3 2 5 3 2 2 3 3" xfId="8072"/>
    <cellStyle name="標準 3 2 5 3 2 2 3_原油高騰等の影響業種" xfId="9497"/>
    <cellStyle name="標準 3 2 5 3 2 2 4" xfId="2906"/>
    <cellStyle name="標準 3 2 5 3 2 2 4 2" xfId="5858"/>
    <cellStyle name="標準 3 2 5 3 2 2 4 3" xfId="8810"/>
    <cellStyle name="標準 3 2 5 3 2 2 4_原油高騰等の影響業種" xfId="9498"/>
    <cellStyle name="標準 3 2 5 3 2 2 5" xfId="3644"/>
    <cellStyle name="標準 3 2 5 3 2 2 6" xfId="6596"/>
    <cellStyle name="標準 3 2 5 3 2 2_原油高騰等の影響業種" xfId="9495"/>
    <cellStyle name="標準 3 2 5 3 2 3" xfId="1061"/>
    <cellStyle name="標準 3 2 5 3 2 3 2" xfId="4013"/>
    <cellStyle name="標準 3 2 5 3 2 3 3" xfId="6965"/>
    <cellStyle name="標準 3 2 5 3 2 3_原油高騰等の影響業種" xfId="9499"/>
    <cellStyle name="標準 3 2 5 3 2 4" xfId="1799"/>
    <cellStyle name="標準 3 2 5 3 2 4 2" xfId="4751"/>
    <cellStyle name="標準 3 2 5 3 2 4 3" xfId="7703"/>
    <cellStyle name="標準 3 2 5 3 2 4_原油高騰等の影響業種" xfId="9500"/>
    <cellStyle name="標準 3 2 5 3 2 5" xfId="2537"/>
    <cellStyle name="標準 3 2 5 3 2 5 2" xfId="5489"/>
    <cellStyle name="標準 3 2 5 3 2 5 3" xfId="8441"/>
    <cellStyle name="標準 3 2 5 3 2 5_原油高騰等の影響業種" xfId="9501"/>
    <cellStyle name="標準 3 2 5 3 2 6" xfId="3275"/>
    <cellStyle name="標準 3 2 5 3 2 7" xfId="6227"/>
    <cellStyle name="標準 3 2 5 3 2_原油高騰等の影響業種" xfId="9494"/>
    <cellStyle name="標準 3 2 5 3 3" xfId="512"/>
    <cellStyle name="標準 3 2 5 3 3 2" xfId="1250"/>
    <cellStyle name="標準 3 2 5 3 3 2 2" xfId="4202"/>
    <cellStyle name="標準 3 2 5 3 3 2 3" xfId="7154"/>
    <cellStyle name="標準 3 2 5 3 3 2_原油高騰等の影響業種" xfId="9503"/>
    <cellStyle name="標準 3 2 5 3 3 3" xfId="1988"/>
    <cellStyle name="標準 3 2 5 3 3 3 2" xfId="4940"/>
    <cellStyle name="標準 3 2 5 3 3 3 3" xfId="7892"/>
    <cellStyle name="標準 3 2 5 3 3 3_原油高騰等の影響業種" xfId="9504"/>
    <cellStyle name="標準 3 2 5 3 3 4" xfId="2726"/>
    <cellStyle name="標準 3 2 5 3 3 4 2" xfId="5678"/>
    <cellStyle name="標準 3 2 5 3 3 4 3" xfId="8630"/>
    <cellStyle name="標準 3 2 5 3 3 4_原油高騰等の影響業種" xfId="9505"/>
    <cellStyle name="標準 3 2 5 3 3 5" xfId="3464"/>
    <cellStyle name="標準 3 2 5 3 3 6" xfId="6416"/>
    <cellStyle name="標準 3 2 5 3 3_原油高騰等の影響業種" xfId="9502"/>
    <cellStyle name="標準 3 2 5 3 4" xfId="881"/>
    <cellStyle name="標準 3 2 5 3 4 2" xfId="3833"/>
    <cellStyle name="標準 3 2 5 3 4 3" xfId="6785"/>
    <cellStyle name="標準 3 2 5 3 4_原油高騰等の影響業種" xfId="9506"/>
    <cellStyle name="標準 3 2 5 3 5" xfId="1619"/>
    <cellStyle name="標準 3 2 5 3 5 2" xfId="4571"/>
    <cellStyle name="標準 3 2 5 3 5 3" xfId="7523"/>
    <cellStyle name="標準 3 2 5 3 5_原油高騰等の影響業種" xfId="9507"/>
    <cellStyle name="標準 3 2 5 3 6" xfId="2357"/>
    <cellStyle name="標準 3 2 5 3 6 2" xfId="5309"/>
    <cellStyle name="標準 3 2 5 3 6 3" xfId="8261"/>
    <cellStyle name="標準 3 2 5 3 6_原油高騰等の影響業種" xfId="9508"/>
    <cellStyle name="標準 3 2 5 3 7" xfId="3095"/>
    <cellStyle name="標準 3 2 5 3 8" xfId="6047"/>
    <cellStyle name="標準 3 2 5 3_原油高騰等の影響業種" xfId="9493"/>
    <cellStyle name="標準 3 2 5 4" xfId="184"/>
    <cellStyle name="標準 3 2 5 4 2" xfId="364"/>
    <cellStyle name="標準 3 2 5 4 2 2" xfId="737"/>
    <cellStyle name="標準 3 2 5 4 2 2 2" xfId="1475"/>
    <cellStyle name="標準 3 2 5 4 2 2 2 2" xfId="4427"/>
    <cellStyle name="標準 3 2 5 4 2 2 2 3" xfId="7379"/>
    <cellStyle name="標準 3 2 5 4 2 2 2_原油高騰等の影響業種" xfId="9512"/>
    <cellStyle name="標準 3 2 5 4 2 2 3" xfId="2213"/>
    <cellStyle name="標準 3 2 5 4 2 2 3 2" xfId="5165"/>
    <cellStyle name="標準 3 2 5 4 2 2 3 3" xfId="8117"/>
    <cellStyle name="標準 3 2 5 4 2 2 3_原油高騰等の影響業種" xfId="9513"/>
    <cellStyle name="標準 3 2 5 4 2 2 4" xfId="2951"/>
    <cellStyle name="標準 3 2 5 4 2 2 4 2" xfId="5903"/>
    <cellStyle name="標準 3 2 5 4 2 2 4 3" xfId="8855"/>
    <cellStyle name="標準 3 2 5 4 2 2 4_原油高騰等の影響業種" xfId="9514"/>
    <cellStyle name="標準 3 2 5 4 2 2 5" xfId="3689"/>
    <cellStyle name="標準 3 2 5 4 2 2 6" xfId="6641"/>
    <cellStyle name="標準 3 2 5 4 2 2_原油高騰等の影響業種" xfId="9511"/>
    <cellStyle name="標準 3 2 5 4 2 3" xfId="1106"/>
    <cellStyle name="標準 3 2 5 4 2 3 2" xfId="4058"/>
    <cellStyle name="標準 3 2 5 4 2 3 3" xfId="7010"/>
    <cellStyle name="標準 3 2 5 4 2 3_原油高騰等の影響業種" xfId="9515"/>
    <cellStyle name="標準 3 2 5 4 2 4" xfId="1844"/>
    <cellStyle name="標準 3 2 5 4 2 4 2" xfId="4796"/>
    <cellStyle name="標準 3 2 5 4 2 4 3" xfId="7748"/>
    <cellStyle name="標準 3 2 5 4 2 4_原油高騰等の影響業種" xfId="9516"/>
    <cellStyle name="標準 3 2 5 4 2 5" xfId="2582"/>
    <cellStyle name="標準 3 2 5 4 2 5 2" xfId="5534"/>
    <cellStyle name="標準 3 2 5 4 2 5 3" xfId="8486"/>
    <cellStyle name="標準 3 2 5 4 2 5_原油高騰等の影響業種" xfId="9517"/>
    <cellStyle name="標準 3 2 5 4 2 6" xfId="3320"/>
    <cellStyle name="標準 3 2 5 4 2 7" xfId="6272"/>
    <cellStyle name="標準 3 2 5 4 2_原油高騰等の影響業種" xfId="9510"/>
    <cellStyle name="標準 3 2 5 4 3" xfId="557"/>
    <cellStyle name="標準 3 2 5 4 3 2" xfId="1295"/>
    <cellStyle name="標準 3 2 5 4 3 2 2" xfId="4247"/>
    <cellStyle name="標準 3 2 5 4 3 2 3" xfId="7199"/>
    <cellStyle name="標準 3 2 5 4 3 2_原油高騰等の影響業種" xfId="9519"/>
    <cellStyle name="標準 3 2 5 4 3 3" xfId="2033"/>
    <cellStyle name="標準 3 2 5 4 3 3 2" xfId="4985"/>
    <cellStyle name="標準 3 2 5 4 3 3 3" xfId="7937"/>
    <cellStyle name="標準 3 2 5 4 3 3_原油高騰等の影響業種" xfId="9520"/>
    <cellStyle name="標準 3 2 5 4 3 4" xfId="2771"/>
    <cellStyle name="標準 3 2 5 4 3 4 2" xfId="5723"/>
    <cellStyle name="標準 3 2 5 4 3 4 3" xfId="8675"/>
    <cellStyle name="標準 3 2 5 4 3 4_原油高騰等の影響業種" xfId="9521"/>
    <cellStyle name="標準 3 2 5 4 3 5" xfId="3509"/>
    <cellStyle name="標準 3 2 5 4 3 6" xfId="6461"/>
    <cellStyle name="標準 3 2 5 4 3_原油高騰等の影響業種" xfId="9518"/>
    <cellStyle name="標準 3 2 5 4 4" xfId="926"/>
    <cellStyle name="標準 3 2 5 4 4 2" xfId="3878"/>
    <cellStyle name="標準 3 2 5 4 4 3" xfId="6830"/>
    <cellStyle name="標準 3 2 5 4 4_原油高騰等の影響業種" xfId="9522"/>
    <cellStyle name="標準 3 2 5 4 5" xfId="1664"/>
    <cellStyle name="標準 3 2 5 4 5 2" xfId="4616"/>
    <cellStyle name="標準 3 2 5 4 5 3" xfId="7568"/>
    <cellStyle name="標準 3 2 5 4 5_原油高騰等の影響業種" xfId="9523"/>
    <cellStyle name="標準 3 2 5 4 6" xfId="2402"/>
    <cellStyle name="標準 3 2 5 4 6 2" xfId="5354"/>
    <cellStyle name="標準 3 2 5 4 6 3" xfId="8306"/>
    <cellStyle name="標準 3 2 5 4 6_原油高騰等の影響業種" xfId="9524"/>
    <cellStyle name="標準 3 2 5 4 7" xfId="3140"/>
    <cellStyle name="標準 3 2 5 4 8" xfId="6092"/>
    <cellStyle name="標準 3 2 5 4_原油高騰等の影響業種" xfId="9509"/>
    <cellStyle name="標準 3 2 5 5" xfId="229"/>
    <cellStyle name="標準 3 2 5 5 2" xfId="602"/>
    <cellStyle name="標準 3 2 5 5 2 2" xfId="1340"/>
    <cellStyle name="標準 3 2 5 5 2 2 2" xfId="4292"/>
    <cellStyle name="標準 3 2 5 5 2 2 3" xfId="7244"/>
    <cellStyle name="標準 3 2 5 5 2 2_原油高騰等の影響業種" xfId="9527"/>
    <cellStyle name="標準 3 2 5 5 2 3" xfId="2078"/>
    <cellStyle name="標準 3 2 5 5 2 3 2" xfId="5030"/>
    <cellStyle name="標準 3 2 5 5 2 3 3" xfId="7982"/>
    <cellStyle name="標準 3 2 5 5 2 3_原油高騰等の影響業種" xfId="9528"/>
    <cellStyle name="標準 3 2 5 5 2 4" xfId="2816"/>
    <cellStyle name="標準 3 2 5 5 2 4 2" xfId="5768"/>
    <cellStyle name="標準 3 2 5 5 2 4 3" xfId="8720"/>
    <cellStyle name="標準 3 2 5 5 2 4_原油高騰等の影響業種" xfId="9529"/>
    <cellStyle name="標準 3 2 5 5 2 5" xfId="3554"/>
    <cellStyle name="標準 3 2 5 5 2 6" xfId="6506"/>
    <cellStyle name="標準 3 2 5 5 2_原油高騰等の影響業種" xfId="9526"/>
    <cellStyle name="標準 3 2 5 5 3" xfId="971"/>
    <cellStyle name="標準 3 2 5 5 3 2" xfId="3923"/>
    <cellStyle name="標準 3 2 5 5 3 3" xfId="6875"/>
    <cellStyle name="標準 3 2 5 5 3_原油高騰等の影響業種" xfId="9530"/>
    <cellStyle name="標準 3 2 5 5 4" xfId="1709"/>
    <cellStyle name="標準 3 2 5 5 4 2" xfId="4661"/>
    <cellStyle name="標準 3 2 5 5 4 3" xfId="7613"/>
    <cellStyle name="標準 3 2 5 5 4_原油高騰等の影響業種" xfId="9531"/>
    <cellStyle name="標準 3 2 5 5 5" xfId="2447"/>
    <cellStyle name="標準 3 2 5 5 5 2" xfId="5399"/>
    <cellStyle name="標準 3 2 5 5 5 3" xfId="8351"/>
    <cellStyle name="標準 3 2 5 5 5_原油高騰等の影響業種" xfId="9532"/>
    <cellStyle name="標準 3 2 5 5 6" xfId="3185"/>
    <cellStyle name="標準 3 2 5 5 7" xfId="6137"/>
    <cellStyle name="標準 3 2 5 5_原油高騰等の影響業種" xfId="9525"/>
    <cellStyle name="標準 3 2 5 6" xfId="422"/>
    <cellStyle name="標準 3 2 5 6 2" xfId="1160"/>
    <cellStyle name="標準 3 2 5 6 2 2" xfId="4112"/>
    <cellStyle name="標準 3 2 5 6 2 3" xfId="7064"/>
    <cellStyle name="標準 3 2 5 6 2_原油高騰等の影響業種" xfId="9534"/>
    <cellStyle name="標準 3 2 5 6 3" xfId="1898"/>
    <cellStyle name="標準 3 2 5 6 3 2" xfId="4850"/>
    <cellStyle name="標準 3 2 5 6 3 3" xfId="7802"/>
    <cellStyle name="標準 3 2 5 6 3_原油高騰等の影響業種" xfId="9535"/>
    <cellStyle name="標準 3 2 5 6 4" xfId="2636"/>
    <cellStyle name="標準 3 2 5 6 4 2" xfId="5588"/>
    <cellStyle name="標準 3 2 5 6 4 3" xfId="8540"/>
    <cellStyle name="標準 3 2 5 6 4_原油高騰等の影響業種" xfId="9536"/>
    <cellStyle name="標準 3 2 5 6 5" xfId="3374"/>
    <cellStyle name="標準 3 2 5 6 6" xfId="6326"/>
    <cellStyle name="標準 3 2 5 6_原油高騰等の影響業種" xfId="9533"/>
    <cellStyle name="標準 3 2 5 7" xfId="791"/>
    <cellStyle name="標準 3 2 5 7 2" xfId="3743"/>
    <cellStyle name="標準 3 2 5 7 3" xfId="6695"/>
    <cellStyle name="標準 3 2 5 7_原油高騰等の影響業種" xfId="9537"/>
    <cellStyle name="標準 3 2 5 8" xfId="1529"/>
    <cellStyle name="標準 3 2 5 8 2" xfId="4481"/>
    <cellStyle name="標準 3 2 5 8 3" xfId="7433"/>
    <cellStyle name="標準 3 2 5 8_原油高騰等の影響業種" xfId="9538"/>
    <cellStyle name="標準 3 2 5 9" xfId="2267"/>
    <cellStyle name="標準 3 2 5 9 2" xfId="5219"/>
    <cellStyle name="標準 3 2 5 9 3" xfId="8171"/>
    <cellStyle name="標準 3 2 5 9_原油高騰等の影響業種" xfId="9539"/>
    <cellStyle name="標準 3 2 5_原油高騰等の影響業種" xfId="9476"/>
    <cellStyle name="標準 3 2 6" xfId="58"/>
    <cellStyle name="標準 3 2 6 2" xfId="238"/>
    <cellStyle name="標準 3 2 6 2 2" xfId="611"/>
    <cellStyle name="標準 3 2 6 2 2 2" xfId="1349"/>
    <cellStyle name="標準 3 2 6 2 2 2 2" xfId="4301"/>
    <cellStyle name="標準 3 2 6 2 2 2 3" xfId="7253"/>
    <cellStyle name="標準 3 2 6 2 2 2_原油高騰等の影響業種" xfId="9543"/>
    <cellStyle name="標準 3 2 6 2 2 3" xfId="2087"/>
    <cellStyle name="標準 3 2 6 2 2 3 2" xfId="5039"/>
    <cellStyle name="標準 3 2 6 2 2 3 3" xfId="7991"/>
    <cellStyle name="標準 3 2 6 2 2 3_原油高騰等の影響業種" xfId="9544"/>
    <cellStyle name="標準 3 2 6 2 2 4" xfId="2825"/>
    <cellStyle name="標準 3 2 6 2 2 4 2" xfId="5777"/>
    <cellStyle name="標準 3 2 6 2 2 4 3" xfId="8729"/>
    <cellStyle name="標準 3 2 6 2 2 4_原油高騰等の影響業種" xfId="9545"/>
    <cellStyle name="標準 3 2 6 2 2 5" xfId="3563"/>
    <cellStyle name="標準 3 2 6 2 2 6" xfId="6515"/>
    <cellStyle name="標準 3 2 6 2 2_原油高騰等の影響業種" xfId="9542"/>
    <cellStyle name="標準 3 2 6 2 3" xfId="980"/>
    <cellStyle name="標準 3 2 6 2 3 2" xfId="3932"/>
    <cellStyle name="標準 3 2 6 2 3 3" xfId="6884"/>
    <cellStyle name="標準 3 2 6 2 3_原油高騰等の影響業種" xfId="9546"/>
    <cellStyle name="標準 3 2 6 2 4" xfId="1718"/>
    <cellStyle name="標準 3 2 6 2 4 2" xfId="4670"/>
    <cellStyle name="標準 3 2 6 2 4 3" xfId="7622"/>
    <cellStyle name="標準 3 2 6 2 4_原油高騰等の影響業種" xfId="9547"/>
    <cellStyle name="標準 3 2 6 2 5" xfId="2456"/>
    <cellStyle name="標準 3 2 6 2 5 2" xfId="5408"/>
    <cellStyle name="標準 3 2 6 2 5 3" xfId="8360"/>
    <cellStyle name="標準 3 2 6 2 5_原油高騰等の影響業種" xfId="9548"/>
    <cellStyle name="標準 3 2 6 2 6" xfId="3194"/>
    <cellStyle name="標準 3 2 6 2 7" xfId="6146"/>
    <cellStyle name="標準 3 2 6 2_原油高騰等の影響業種" xfId="9541"/>
    <cellStyle name="標準 3 2 6 3" xfId="431"/>
    <cellStyle name="標準 3 2 6 3 2" xfId="1169"/>
    <cellStyle name="標準 3 2 6 3 2 2" xfId="4121"/>
    <cellStyle name="標準 3 2 6 3 2 3" xfId="7073"/>
    <cellStyle name="標準 3 2 6 3 2_原油高騰等の影響業種" xfId="9550"/>
    <cellStyle name="標準 3 2 6 3 3" xfId="1907"/>
    <cellStyle name="標準 3 2 6 3 3 2" xfId="4859"/>
    <cellStyle name="標準 3 2 6 3 3 3" xfId="7811"/>
    <cellStyle name="標準 3 2 6 3 3_原油高騰等の影響業種" xfId="9551"/>
    <cellStyle name="標準 3 2 6 3 4" xfId="2645"/>
    <cellStyle name="標準 3 2 6 3 4 2" xfId="5597"/>
    <cellStyle name="標準 3 2 6 3 4 3" xfId="8549"/>
    <cellStyle name="標準 3 2 6 3 4_原油高騰等の影響業種" xfId="9552"/>
    <cellStyle name="標準 3 2 6 3 5" xfId="3383"/>
    <cellStyle name="標準 3 2 6 3 6" xfId="6335"/>
    <cellStyle name="標準 3 2 6 3_原油高騰等の影響業種" xfId="9549"/>
    <cellStyle name="標準 3 2 6 4" xfId="800"/>
    <cellStyle name="標準 3 2 6 4 2" xfId="3752"/>
    <cellStyle name="標準 3 2 6 4 3" xfId="6704"/>
    <cellStyle name="標準 3 2 6 4_原油高騰等の影響業種" xfId="9553"/>
    <cellStyle name="標準 3 2 6 5" xfId="1538"/>
    <cellStyle name="標準 3 2 6 5 2" xfId="4490"/>
    <cellStyle name="標準 3 2 6 5 3" xfId="7442"/>
    <cellStyle name="標準 3 2 6 5_原油高騰等の影響業種" xfId="9554"/>
    <cellStyle name="標準 3 2 6 6" xfId="2276"/>
    <cellStyle name="標準 3 2 6 6 2" xfId="5228"/>
    <cellStyle name="標準 3 2 6 6 3" xfId="8180"/>
    <cellStyle name="標準 3 2 6 6_原油高騰等の影響業種" xfId="9555"/>
    <cellStyle name="標準 3 2 6 7" xfId="3014"/>
    <cellStyle name="標準 3 2 6 8" xfId="5966"/>
    <cellStyle name="標準 3 2 6_原油高騰等の影響業種" xfId="9540"/>
    <cellStyle name="標準 3 2 7" xfId="103"/>
    <cellStyle name="標準 3 2 7 2" xfId="283"/>
    <cellStyle name="標準 3 2 7 2 2" xfId="656"/>
    <cellStyle name="標準 3 2 7 2 2 2" xfId="1394"/>
    <cellStyle name="標準 3 2 7 2 2 2 2" xfId="4346"/>
    <cellStyle name="標準 3 2 7 2 2 2 3" xfId="7298"/>
    <cellStyle name="標準 3 2 7 2 2 2_原油高騰等の影響業種" xfId="9559"/>
    <cellStyle name="標準 3 2 7 2 2 3" xfId="2132"/>
    <cellStyle name="標準 3 2 7 2 2 3 2" xfId="5084"/>
    <cellStyle name="標準 3 2 7 2 2 3 3" xfId="8036"/>
    <cellStyle name="標準 3 2 7 2 2 3_原油高騰等の影響業種" xfId="9560"/>
    <cellStyle name="標準 3 2 7 2 2 4" xfId="2870"/>
    <cellStyle name="標準 3 2 7 2 2 4 2" xfId="5822"/>
    <cellStyle name="標準 3 2 7 2 2 4 3" xfId="8774"/>
    <cellStyle name="標準 3 2 7 2 2 4_原油高騰等の影響業種" xfId="9561"/>
    <cellStyle name="標準 3 2 7 2 2 5" xfId="3608"/>
    <cellStyle name="標準 3 2 7 2 2 6" xfId="6560"/>
    <cellStyle name="標準 3 2 7 2 2_原油高騰等の影響業種" xfId="9558"/>
    <cellStyle name="標準 3 2 7 2 3" xfId="1025"/>
    <cellStyle name="標準 3 2 7 2 3 2" xfId="3977"/>
    <cellStyle name="標準 3 2 7 2 3 3" xfId="6929"/>
    <cellStyle name="標準 3 2 7 2 3_原油高騰等の影響業種" xfId="9562"/>
    <cellStyle name="標準 3 2 7 2 4" xfId="1763"/>
    <cellStyle name="標準 3 2 7 2 4 2" xfId="4715"/>
    <cellStyle name="標準 3 2 7 2 4 3" xfId="7667"/>
    <cellStyle name="標準 3 2 7 2 4_原油高騰等の影響業種" xfId="9563"/>
    <cellStyle name="標準 3 2 7 2 5" xfId="2501"/>
    <cellStyle name="標準 3 2 7 2 5 2" xfId="5453"/>
    <cellStyle name="標準 3 2 7 2 5 3" xfId="8405"/>
    <cellStyle name="標準 3 2 7 2 5_原油高騰等の影響業種" xfId="9564"/>
    <cellStyle name="標準 3 2 7 2 6" xfId="3239"/>
    <cellStyle name="標準 3 2 7 2 7" xfId="6191"/>
    <cellStyle name="標準 3 2 7 2_原油高騰等の影響業種" xfId="9557"/>
    <cellStyle name="標準 3 2 7 3" xfId="476"/>
    <cellStyle name="標準 3 2 7 3 2" xfId="1214"/>
    <cellStyle name="標準 3 2 7 3 2 2" xfId="4166"/>
    <cellStyle name="標準 3 2 7 3 2 3" xfId="7118"/>
    <cellStyle name="標準 3 2 7 3 2_原油高騰等の影響業種" xfId="9566"/>
    <cellStyle name="標準 3 2 7 3 3" xfId="1952"/>
    <cellStyle name="標準 3 2 7 3 3 2" xfId="4904"/>
    <cellStyle name="標準 3 2 7 3 3 3" xfId="7856"/>
    <cellStyle name="標準 3 2 7 3 3_原油高騰等の影響業種" xfId="9567"/>
    <cellStyle name="標準 3 2 7 3 4" xfId="2690"/>
    <cellStyle name="標準 3 2 7 3 4 2" xfId="5642"/>
    <cellStyle name="標準 3 2 7 3 4 3" xfId="8594"/>
    <cellStyle name="標準 3 2 7 3 4_原油高騰等の影響業種" xfId="9568"/>
    <cellStyle name="標準 3 2 7 3 5" xfId="3428"/>
    <cellStyle name="標準 3 2 7 3 6" xfId="6380"/>
    <cellStyle name="標準 3 2 7 3_原油高騰等の影響業種" xfId="9565"/>
    <cellStyle name="標準 3 2 7 4" xfId="845"/>
    <cellStyle name="標準 3 2 7 4 2" xfId="3797"/>
    <cellStyle name="標準 3 2 7 4 3" xfId="6749"/>
    <cellStyle name="標準 3 2 7 4_原油高騰等の影響業種" xfId="9569"/>
    <cellStyle name="標準 3 2 7 5" xfId="1583"/>
    <cellStyle name="標準 3 2 7 5 2" xfId="4535"/>
    <cellStyle name="標準 3 2 7 5 3" xfId="7487"/>
    <cellStyle name="標準 3 2 7 5_原油高騰等の影響業種" xfId="9570"/>
    <cellStyle name="標準 3 2 7 6" xfId="2321"/>
    <cellStyle name="標準 3 2 7 6 2" xfId="5273"/>
    <cellStyle name="標準 3 2 7 6 3" xfId="8225"/>
    <cellStyle name="標準 3 2 7 6_原油高騰等の影響業種" xfId="9571"/>
    <cellStyle name="標準 3 2 7 7" xfId="3059"/>
    <cellStyle name="標準 3 2 7 8" xfId="6011"/>
    <cellStyle name="標準 3 2 7_原油高騰等の影響業種" xfId="9556"/>
    <cellStyle name="標準 3 2 8" xfId="148"/>
    <cellStyle name="標準 3 2 8 2" xfId="328"/>
    <cellStyle name="標準 3 2 8 2 2" xfId="701"/>
    <cellStyle name="標準 3 2 8 2 2 2" xfId="1439"/>
    <cellStyle name="標準 3 2 8 2 2 2 2" xfId="4391"/>
    <cellStyle name="標準 3 2 8 2 2 2 3" xfId="7343"/>
    <cellStyle name="標準 3 2 8 2 2 2_原油高騰等の影響業種" xfId="9575"/>
    <cellStyle name="標準 3 2 8 2 2 3" xfId="2177"/>
    <cellStyle name="標準 3 2 8 2 2 3 2" xfId="5129"/>
    <cellStyle name="標準 3 2 8 2 2 3 3" xfId="8081"/>
    <cellStyle name="標準 3 2 8 2 2 3_原油高騰等の影響業種" xfId="9576"/>
    <cellStyle name="標準 3 2 8 2 2 4" xfId="2915"/>
    <cellStyle name="標準 3 2 8 2 2 4 2" xfId="5867"/>
    <cellStyle name="標準 3 2 8 2 2 4 3" xfId="8819"/>
    <cellStyle name="標準 3 2 8 2 2 4_原油高騰等の影響業種" xfId="9577"/>
    <cellStyle name="標準 3 2 8 2 2 5" xfId="3653"/>
    <cellStyle name="標準 3 2 8 2 2 6" xfId="6605"/>
    <cellStyle name="標準 3 2 8 2 2_原油高騰等の影響業種" xfId="9574"/>
    <cellStyle name="標準 3 2 8 2 3" xfId="1070"/>
    <cellStyle name="標準 3 2 8 2 3 2" xfId="4022"/>
    <cellStyle name="標準 3 2 8 2 3 3" xfId="6974"/>
    <cellStyle name="標準 3 2 8 2 3_原油高騰等の影響業種" xfId="9578"/>
    <cellStyle name="標準 3 2 8 2 4" xfId="1808"/>
    <cellStyle name="標準 3 2 8 2 4 2" xfId="4760"/>
    <cellStyle name="標準 3 2 8 2 4 3" xfId="7712"/>
    <cellStyle name="標準 3 2 8 2 4_原油高騰等の影響業種" xfId="9579"/>
    <cellStyle name="標準 3 2 8 2 5" xfId="2546"/>
    <cellStyle name="標準 3 2 8 2 5 2" xfId="5498"/>
    <cellStyle name="標準 3 2 8 2 5 3" xfId="8450"/>
    <cellStyle name="標準 3 2 8 2 5_原油高騰等の影響業種" xfId="9580"/>
    <cellStyle name="標準 3 2 8 2 6" xfId="3284"/>
    <cellStyle name="標準 3 2 8 2 7" xfId="6236"/>
    <cellStyle name="標準 3 2 8 2_原油高騰等の影響業種" xfId="9573"/>
    <cellStyle name="標準 3 2 8 3" xfId="521"/>
    <cellStyle name="標準 3 2 8 3 2" xfId="1259"/>
    <cellStyle name="標準 3 2 8 3 2 2" xfId="4211"/>
    <cellStyle name="標準 3 2 8 3 2 3" xfId="7163"/>
    <cellStyle name="標準 3 2 8 3 2_原油高騰等の影響業種" xfId="9582"/>
    <cellStyle name="標準 3 2 8 3 3" xfId="1997"/>
    <cellStyle name="標準 3 2 8 3 3 2" xfId="4949"/>
    <cellStyle name="標準 3 2 8 3 3 3" xfId="7901"/>
    <cellStyle name="標準 3 2 8 3 3_原油高騰等の影響業種" xfId="9583"/>
    <cellStyle name="標準 3 2 8 3 4" xfId="2735"/>
    <cellStyle name="標準 3 2 8 3 4 2" xfId="5687"/>
    <cellStyle name="標準 3 2 8 3 4 3" xfId="8639"/>
    <cellStyle name="標準 3 2 8 3 4_原油高騰等の影響業種" xfId="9584"/>
    <cellStyle name="標準 3 2 8 3 5" xfId="3473"/>
    <cellStyle name="標準 3 2 8 3 6" xfId="6425"/>
    <cellStyle name="標準 3 2 8 3_原油高騰等の影響業種" xfId="9581"/>
    <cellStyle name="標準 3 2 8 4" xfId="890"/>
    <cellStyle name="標準 3 2 8 4 2" xfId="3842"/>
    <cellStyle name="標準 3 2 8 4 3" xfId="6794"/>
    <cellStyle name="標準 3 2 8 4_原油高騰等の影響業種" xfId="9585"/>
    <cellStyle name="標準 3 2 8 5" xfId="1628"/>
    <cellStyle name="標準 3 2 8 5 2" xfId="4580"/>
    <cellStyle name="標準 3 2 8 5 3" xfId="7532"/>
    <cellStyle name="標準 3 2 8 5_原油高騰等の影響業種" xfId="9586"/>
    <cellStyle name="標準 3 2 8 6" xfId="2366"/>
    <cellStyle name="標準 3 2 8 6 2" xfId="5318"/>
    <cellStyle name="標準 3 2 8 6 3" xfId="8270"/>
    <cellStyle name="標準 3 2 8 6_原油高騰等の影響業種" xfId="9587"/>
    <cellStyle name="標準 3 2 8 7" xfId="3104"/>
    <cellStyle name="標準 3 2 8 8" xfId="6056"/>
    <cellStyle name="標準 3 2 8_原油高騰等の影響業種" xfId="9572"/>
    <cellStyle name="標準 3 2 9" xfId="193"/>
    <cellStyle name="標準 3 2 9 2" xfId="566"/>
    <cellStyle name="標準 3 2 9 2 2" xfId="1304"/>
    <cellStyle name="標準 3 2 9 2 2 2" xfId="4256"/>
    <cellStyle name="標準 3 2 9 2 2 3" xfId="7208"/>
    <cellStyle name="標準 3 2 9 2 2_原油高騰等の影響業種" xfId="9590"/>
    <cellStyle name="標準 3 2 9 2 3" xfId="2042"/>
    <cellStyle name="標準 3 2 9 2 3 2" xfId="4994"/>
    <cellStyle name="標準 3 2 9 2 3 3" xfId="7946"/>
    <cellStyle name="標準 3 2 9 2 3_原油高騰等の影響業種" xfId="9591"/>
    <cellStyle name="標準 3 2 9 2 4" xfId="2780"/>
    <cellStyle name="標準 3 2 9 2 4 2" xfId="5732"/>
    <cellStyle name="標準 3 2 9 2 4 3" xfId="8684"/>
    <cellStyle name="標準 3 2 9 2 4_原油高騰等の影響業種" xfId="9592"/>
    <cellStyle name="標準 3 2 9 2 5" xfId="3518"/>
    <cellStyle name="標準 3 2 9 2 6" xfId="6470"/>
    <cellStyle name="標準 3 2 9 2_原油高騰等の影響業種" xfId="9589"/>
    <cellStyle name="標準 3 2 9 3" xfId="935"/>
    <cellStyle name="標準 3 2 9 3 2" xfId="3887"/>
    <cellStyle name="標準 3 2 9 3 3" xfId="6839"/>
    <cellStyle name="標準 3 2 9 3_原油高騰等の影響業種" xfId="9593"/>
    <cellStyle name="標準 3 2 9 4" xfId="1673"/>
    <cellStyle name="標準 3 2 9 4 2" xfId="4625"/>
    <cellStyle name="標準 3 2 9 4 3" xfId="7577"/>
    <cellStyle name="標準 3 2 9 4_原油高騰等の影響業種" xfId="9594"/>
    <cellStyle name="標準 3 2 9 5" xfId="2411"/>
    <cellStyle name="標準 3 2 9 5 2" xfId="5363"/>
    <cellStyle name="標準 3 2 9 5 3" xfId="8315"/>
    <cellStyle name="標準 3 2 9 5_原油高騰等の影響業種" xfId="9595"/>
    <cellStyle name="標準 3 2 9 6" xfId="3149"/>
    <cellStyle name="標準 3 2 9 7" xfId="6101"/>
    <cellStyle name="標準 3 2 9_原油高騰等の影響業種" xfId="9588"/>
    <cellStyle name="標準 3 2_原油高騰等の影響業種" xfId="8956"/>
    <cellStyle name="標準 3 3" xfId="15"/>
    <cellStyle name="標準 3 3 10" xfId="388"/>
    <cellStyle name="標準 3 3 10 2" xfId="1126"/>
    <cellStyle name="標準 3 3 10 2 2" xfId="4078"/>
    <cellStyle name="標準 3 3 10 2 3" xfId="7030"/>
    <cellStyle name="標準 3 3 10 2_原油高騰等の影響業種" xfId="9598"/>
    <cellStyle name="標準 3 3 10 3" xfId="1864"/>
    <cellStyle name="標準 3 3 10 3 2" xfId="4816"/>
    <cellStyle name="標準 3 3 10 3 3" xfId="7768"/>
    <cellStyle name="標準 3 3 10 3_原油高騰等の影響業種" xfId="9599"/>
    <cellStyle name="標準 3 3 10 4" xfId="2602"/>
    <cellStyle name="標準 3 3 10 4 2" xfId="5554"/>
    <cellStyle name="標準 3 3 10 4 3" xfId="8506"/>
    <cellStyle name="標準 3 3 10 4_原油高騰等の影響業種" xfId="9600"/>
    <cellStyle name="標準 3 3 10 5" xfId="3340"/>
    <cellStyle name="標準 3 3 10 6" xfId="6292"/>
    <cellStyle name="標準 3 3 10_原油高騰等の影響業種" xfId="9597"/>
    <cellStyle name="標準 3 3 11" xfId="757"/>
    <cellStyle name="標準 3 3 11 2" xfId="3709"/>
    <cellStyle name="標準 3 3 11 3" xfId="6661"/>
    <cellStyle name="標準 3 3 11_原油高騰等の影響業種" xfId="9601"/>
    <cellStyle name="標準 3 3 12" xfId="1495"/>
    <cellStyle name="標準 3 3 12 2" xfId="4447"/>
    <cellStyle name="標準 3 3 12 3" xfId="7399"/>
    <cellStyle name="標準 3 3 12_原油高騰等の影響業種" xfId="9602"/>
    <cellStyle name="標準 3 3 13" xfId="2233"/>
    <cellStyle name="標準 3 3 13 2" xfId="5185"/>
    <cellStyle name="標準 3 3 13 3" xfId="8137"/>
    <cellStyle name="標準 3 3 13_原油高騰等の影響業種" xfId="9603"/>
    <cellStyle name="標準 3 3 14" xfId="2971"/>
    <cellStyle name="標準 3 3 15" xfId="5923"/>
    <cellStyle name="標準 3 3 2" xfId="16"/>
    <cellStyle name="標準 3 3 2 10" xfId="758"/>
    <cellStyle name="標準 3 3 2 10 2" xfId="3710"/>
    <cellStyle name="標準 3 3 2 10 3" xfId="6662"/>
    <cellStyle name="標準 3 3 2 10_原油高騰等の影響業種" xfId="9605"/>
    <cellStyle name="標準 3 3 2 11" xfId="1496"/>
    <cellStyle name="標準 3 3 2 11 2" xfId="4448"/>
    <cellStyle name="標準 3 3 2 11 3" xfId="7400"/>
    <cellStyle name="標準 3 3 2 11_原油高騰等の影響業種" xfId="9606"/>
    <cellStyle name="標準 3 3 2 12" xfId="2234"/>
    <cellStyle name="標準 3 3 2 12 2" xfId="5186"/>
    <cellStyle name="標準 3 3 2 12 3" xfId="8138"/>
    <cellStyle name="標準 3 3 2 12_原油高騰等の影響業種" xfId="9607"/>
    <cellStyle name="標準 3 3 2 13" xfId="2972"/>
    <cellStyle name="標準 3 3 2 14" xfId="5924"/>
    <cellStyle name="標準 3 3 2 2" xfId="25"/>
    <cellStyle name="標準 3 3 2 2 10" xfId="2243"/>
    <cellStyle name="標準 3 3 2 2 10 2" xfId="5195"/>
    <cellStyle name="標準 3 3 2 2 10 3" xfId="8147"/>
    <cellStyle name="標準 3 3 2 2 10_原油高騰等の影響業種" xfId="9609"/>
    <cellStyle name="標準 3 3 2 2 11" xfId="2981"/>
    <cellStyle name="標準 3 3 2 2 12" xfId="5933"/>
    <cellStyle name="標準 3 3 2 2 2" xfId="43"/>
    <cellStyle name="標準 3 3 2 2 2 10" xfId="2999"/>
    <cellStyle name="標準 3 3 2 2 2 11" xfId="5951"/>
    <cellStyle name="標準 3 3 2 2 2 2" xfId="88"/>
    <cellStyle name="標準 3 3 2 2 2 2 2" xfId="268"/>
    <cellStyle name="標準 3 3 2 2 2 2 2 2" xfId="641"/>
    <cellStyle name="標準 3 3 2 2 2 2 2 2 2" xfId="1379"/>
    <cellStyle name="標準 3 3 2 2 2 2 2 2 2 2" xfId="4331"/>
    <cellStyle name="標準 3 3 2 2 2 2 2 2 2 3" xfId="7283"/>
    <cellStyle name="標準 3 3 2 2 2 2 2 2 2_原油高騰等の影響業種" xfId="9614"/>
    <cellStyle name="標準 3 3 2 2 2 2 2 2 3" xfId="2117"/>
    <cellStyle name="標準 3 3 2 2 2 2 2 2 3 2" xfId="5069"/>
    <cellStyle name="標準 3 3 2 2 2 2 2 2 3 3" xfId="8021"/>
    <cellStyle name="標準 3 3 2 2 2 2 2 2 3_原油高騰等の影響業種" xfId="9615"/>
    <cellStyle name="標準 3 3 2 2 2 2 2 2 4" xfId="2855"/>
    <cellStyle name="標準 3 3 2 2 2 2 2 2 4 2" xfId="5807"/>
    <cellStyle name="標準 3 3 2 2 2 2 2 2 4 3" xfId="8759"/>
    <cellStyle name="標準 3 3 2 2 2 2 2 2 4_原油高騰等の影響業種" xfId="9616"/>
    <cellStyle name="標準 3 3 2 2 2 2 2 2 5" xfId="3593"/>
    <cellStyle name="標準 3 3 2 2 2 2 2 2 6" xfId="6545"/>
    <cellStyle name="標準 3 3 2 2 2 2 2 2_原油高騰等の影響業種" xfId="9613"/>
    <cellStyle name="標準 3 3 2 2 2 2 2 3" xfId="1010"/>
    <cellStyle name="標準 3 3 2 2 2 2 2 3 2" xfId="3962"/>
    <cellStyle name="標準 3 3 2 2 2 2 2 3 3" xfId="6914"/>
    <cellStyle name="標準 3 3 2 2 2 2 2 3_原油高騰等の影響業種" xfId="9617"/>
    <cellStyle name="標準 3 3 2 2 2 2 2 4" xfId="1748"/>
    <cellStyle name="標準 3 3 2 2 2 2 2 4 2" xfId="4700"/>
    <cellStyle name="標準 3 3 2 2 2 2 2 4 3" xfId="7652"/>
    <cellStyle name="標準 3 3 2 2 2 2 2 4_原油高騰等の影響業種" xfId="9618"/>
    <cellStyle name="標準 3 3 2 2 2 2 2 5" xfId="2486"/>
    <cellStyle name="標準 3 3 2 2 2 2 2 5 2" xfId="5438"/>
    <cellStyle name="標準 3 3 2 2 2 2 2 5 3" xfId="8390"/>
    <cellStyle name="標準 3 3 2 2 2 2 2 5_原油高騰等の影響業種" xfId="9619"/>
    <cellStyle name="標準 3 3 2 2 2 2 2 6" xfId="3224"/>
    <cellStyle name="標準 3 3 2 2 2 2 2 7" xfId="6176"/>
    <cellStyle name="標準 3 3 2 2 2 2 2_原油高騰等の影響業種" xfId="9612"/>
    <cellStyle name="標準 3 3 2 2 2 2 3" xfId="461"/>
    <cellStyle name="標準 3 3 2 2 2 2 3 2" xfId="1199"/>
    <cellStyle name="標準 3 3 2 2 2 2 3 2 2" xfId="4151"/>
    <cellStyle name="標準 3 3 2 2 2 2 3 2 3" xfId="7103"/>
    <cellStyle name="標準 3 3 2 2 2 2 3 2_原油高騰等の影響業種" xfId="9621"/>
    <cellStyle name="標準 3 3 2 2 2 2 3 3" xfId="1937"/>
    <cellStyle name="標準 3 3 2 2 2 2 3 3 2" xfId="4889"/>
    <cellStyle name="標準 3 3 2 2 2 2 3 3 3" xfId="7841"/>
    <cellStyle name="標準 3 3 2 2 2 2 3 3_原油高騰等の影響業種" xfId="9622"/>
    <cellStyle name="標準 3 3 2 2 2 2 3 4" xfId="2675"/>
    <cellStyle name="標準 3 3 2 2 2 2 3 4 2" xfId="5627"/>
    <cellStyle name="標準 3 3 2 2 2 2 3 4 3" xfId="8579"/>
    <cellStyle name="標準 3 3 2 2 2 2 3 4_原油高騰等の影響業種" xfId="9623"/>
    <cellStyle name="標準 3 3 2 2 2 2 3 5" xfId="3413"/>
    <cellStyle name="標準 3 3 2 2 2 2 3 6" xfId="6365"/>
    <cellStyle name="標準 3 3 2 2 2 2 3_原油高騰等の影響業種" xfId="9620"/>
    <cellStyle name="標準 3 3 2 2 2 2 4" xfId="830"/>
    <cellStyle name="標準 3 3 2 2 2 2 4 2" xfId="3782"/>
    <cellStyle name="標準 3 3 2 2 2 2 4 3" xfId="6734"/>
    <cellStyle name="標準 3 3 2 2 2 2 4_原油高騰等の影響業種" xfId="9624"/>
    <cellStyle name="標準 3 3 2 2 2 2 5" xfId="1568"/>
    <cellStyle name="標準 3 3 2 2 2 2 5 2" xfId="4520"/>
    <cellStyle name="標準 3 3 2 2 2 2 5 3" xfId="7472"/>
    <cellStyle name="標準 3 3 2 2 2 2 5_原油高騰等の影響業種" xfId="9625"/>
    <cellStyle name="標準 3 3 2 2 2 2 6" xfId="2306"/>
    <cellStyle name="標準 3 3 2 2 2 2 6 2" xfId="5258"/>
    <cellStyle name="標準 3 3 2 2 2 2 6 3" xfId="8210"/>
    <cellStyle name="標準 3 3 2 2 2 2 6_原油高騰等の影響業種" xfId="9626"/>
    <cellStyle name="標準 3 3 2 2 2 2 7" xfId="3044"/>
    <cellStyle name="標準 3 3 2 2 2 2 8" xfId="5996"/>
    <cellStyle name="標準 3 3 2 2 2 2_原油高騰等の影響業種" xfId="9611"/>
    <cellStyle name="標準 3 3 2 2 2 3" xfId="133"/>
    <cellStyle name="標準 3 3 2 2 2 3 2" xfId="313"/>
    <cellStyle name="標準 3 3 2 2 2 3 2 2" xfId="686"/>
    <cellStyle name="標準 3 3 2 2 2 3 2 2 2" xfId="1424"/>
    <cellStyle name="標準 3 3 2 2 2 3 2 2 2 2" xfId="4376"/>
    <cellStyle name="標準 3 3 2 2 2 3 2 2 2 3" xfId="7328"/>
    <cellStyle name="標準 3 3 2 2 2 3 2 2 2_原油高騰等の影響業種" xfId="9630"/>
    <cellStyle name="標準 3 3 2 2 2 3 2 2 3" xfId="2162"/>
    <cellStyle name="標準 3 3 2 2 2 3 2 2 3 2" xfId="5114"/>
    <cellStyle name="標準 3 3 2 2 2 3 2 2 3 3" xfId="8066"/>
    <cellStyle name="標準 3 3 2 2 2 3 2 2 3_原油高騰等の影響業種" xfId="9631"/>
    <cellStyle name="標準 3 3 2 2 2 3 2 2 4" xfId="2900"/>
    <cellStyle name="標準 3 3 2 2 2 3 2 2 4 2" xfId="5852"/>
    <cellStyle name="標準 3 3 2 2 2 3 2 2 4 3" xfId="8804"/>
    <cellStyle name="標準 3 3 2 2 2 3 2 2 4_原油高騰等の影響業種" xfId="9632"/>
    <cellStyle name="標準 3 3 2 2 2 3 2 2 5" xfId="3638"/>
    <cellStyle name="標準 3 3 2 2 2 3 2 2 6" xfId="6590"/>
    <cellStyle name="標準 3 3 2 2 2 3 2 2_原油高騰等の影響業種" xfId="9629"/>
    <cellStyle name="標準 3 3 2 2 2 3 2 3" xfId="1055"/>
    <cellStyle name="標準 3 3 2 2 2 3 2 3 2" xfId="4007"/>
    <cellStyle name="標準 3 3 2 2 2 3 2 3 3" xfId="6959"/>
    <cellStyle name="標準 3 3 2 2 2 3 2 3_原油高騰等の影響業種" xfId="9633"/>
    <cellStyle name="標準 3 3 2 2 2 3 2 4" xfId="1793"/>
    <cellStyle name="標準 3 3 2 2 2 3 2 4 2" xfId="4745"/>
    <cellStyle name="標準 3 3 2 2 2 3 2 4 3" xfId="7697"/>
    <cellStyle name="標準 3 3 2 2 2 3 2 4_原油高騰等の影響業種" xfId="9634"/>
    <cellStyle name="標準 3 3 2 2 2 3 2 5" xfId="2531"/>
    <cellStyle name="標準 3 3 2 2 2 3 2 5 2" xfId="5483"/>
    <cellStyle name="標準 3 3 2 2 2 3 2 5 3" xfId="8435"/>
    <cellStyle name="標準 3 3 2 2 2 3 2 5_原油高騰等の影響業種" xfId="9635"/>
    <cellStyle name="標準 3 3 2 2 2 3 2 6" xfId="3269"/>
    <cellStyle name="標準 3 3 2 2 2 3 2 7" xfId="6221"/>
    <cellStyle name="標準 3 3 2 2 2 3 2_原油高騰等の影響業種" xfId="9628"/>
    <cellStyle name="標準 3 3 2 2 2 3 3" xfId="506"/>
    <cellStyle name="標準 3 3 2 2 2 3 3 2" xfId="1244"/>
    <cellStyle name="標準 3 3 2 2 2 3 3 2 2" xfId="4196"/>
    <cellStyle name="標準 3 3 2 2 2 3 3 2 3" xfId="7148"/>
    <cellStyle name="標準 3 3 2 2 2 3 3 2_原油高騰等の影響業種" xfId="9637"/>
    <cellStyle name="標準 3 3 2 2 2 3 3 3" xfId="1982"/>
    <cellStyle name="標準 3 3 2 2 2 3 3 3 2" xfId="4934"/>
    <cellStyle name="標準 3 3 2 2 2 3 3 3 3" xfId="7886"/>
    <cellStyle name="標準 3 3 2 2 2 3 3 3_原油高騰等の影響業種" xfId="9638"/>
    <cellStyle name="標準 3 3 2 2 2 3 3 4" xfId="2720"/>
    <cellStyle name="標準 3 3 2 2 2 3 3 4 2" xfId="5672"/>
    <cellStyle name="標準 3 3 2 2 2 3 3 4 3" xfId="8624"/>
    <cellStyle name="標準 3 3 2 2 2 3 3 4_原油高騰等の影響業種" xfId="9639"/>
    <cellStyle name="標準 3 3 2 2 2 3 3 5" xfId="3458"/>
    <cellStyle name="標準 3 3 2 2 2 3 3 6" xfId="6410"/>
    <cellStyle name="標準 3 3 2 2 2 3 3_原油高騰等の影響業種" xfId="9636"/>
    <cellStyle name="標準 3 3 2 2 2 3 4" xfId="875"/>
    <cellStyle name="標準 3 3 2 2 2 3 4 2" xfId="3827"/>
    <cellStyle name="標準 3 3 2 2 2 3 4 3" xfId="6779"/>
    <cellStyle name="標準 3 3 2 2 2 3 4_原油高騰等の影響業種" xfId="9640"/>
    <cellStyle name="標準 3 3 2 2 2 3 5" xfId="1613"/>
    <cellStyle name="標準 3 3 2 2 2 3 5 2" xfId="4565"/>
    <cellStyle name="標準 3 3 2 2 2 3 5 3" xfId="7517"/>
    <cellStyle name="標準 3 3 2 2 2 3 5_原油高騰等の影響業種" xfId="9641"/>
    <cellStyle name="標準 3 3 2 2 2 3 6" xfId="2351"/>
    <cellStyle name="標準 3 3 2 2 2 3 6 2" xfId="5303"/>
    <cellStyle name="標準 3 3 2 2 2 3 6 3" xfId="8255"/>
    <cellStyle name="標準 3 3 2 2 2 3 6_原油高騰等の影響業種" xfId="9642"/>
    <cellStyle name="標準 3 3 2 2 2 3 7" xfId="3089"/>
    <cellStyle name="標準 3 3 2 2 2 3 8" xfId="6041"/>
    <cellStyle name="標準 3 3 2 2 2 3_原油高騰等の影響業種" xfId="9627"/>
    <cellStyle name="標準 3 3 2 2 2 4" xfId="178"/>
    <cellStyle name="標準 3 3 2 2 2 4 2" xfId="358"/>
    <cellStyle name="標準 3 3 2 2 2 4 2 2" xfId="731"/>
    <cellStyle name="標準 3 3 2 2 2 4 2 2 2" xfId="1469"/>
    <cellStyle name="標準 3 3 2 2 2 4 2 2 2 2" xfId="4421"/>
    <cellStyle name="標準 3 3 2 2 2 4 2 2 2 3" xfId="7373"/>
    <cellStyle name="標準 3 3 2 2 2 4 2 2 2_原油高騰等の影響業種" xfId="9646"/>
    <cellStyle name="標準 3 3 2 2 2 4 2 2 3" xfId="2207"/>
    <cellStyle name="標準 3 3 2 2 2 4 2 2 3 2" xfId="5159"/>
    <cellStyle name="標準 3 3 2 2 2 4 2 2 3 3" xfId="8111"/>
    <cellStyle name="標準 3 3 2 2 2 4 2 2 3_原油高騰等の影響業種" xfId="9647"/>
    <cellStyle name="標準 3 3 2 2 2 4 2 2 4" xfId="2945"/>
    <cellStyle name="標準 3 3 2 2 2 4 2 2 4 2" xfId="5897"/>
    <cellStyle name="標準 3 3 2 2 2 4 2 2 4 3" xfId="8849"/>
    <cellStyle name="標準 3 3 2 2 2 4 2 2 4_原油高騰等の影響業種" xfId="9648"/>
    <cellStyle name="標準 3 3 2 2 2 4 2 2 5" xfId="3683"/>
    <cellStyle name="標準 3 3 2 2 2 4 2 2 6" xfId="6635"/>
    <cellStyle name="標準 3 3 2 2 2 4 2 2_原油高騰等の影響業種" xfId="9645"/>
    <cellStyle name="標準 3 3 2 2 2 4 2 3" xfId="1100"/>
    <cellStyle name="標準 3 3 2 2 2 4 2 3 2" xfId="4052"/>
    <cellStyle name="標準 3 3 2 2 2 4 2 3 3" xfId="7004"/>
    <cellStyle name="標準 3 3 2 2 2 4 2 3_原油高騰等の影響業種" xfId="9649"/>
    <cellStyle name="標準 3 3 2 2 2 4 2 4" xfId="1838"/>
    <cellStyle name="標準 3 3 2 2 2 4 2 4 2" xfId="4790"/>
    <cellStyle name="標準 3 3 2 2 2 4 2 4 3" xfId="7742"/>
    <cellStyle name="標準 3 3 2 2 2 4 2 4_原油高騰等の影響業種" xfId="9650"/>
    <cellStyle name="標準 3 3 2 2 2 4 2 5" xfId="2576"/>
    <cellStyle name="標準 3 3 2 2 2 4 2 5 2" xfId="5528"/>
    <cellStyle name="標準 3 3 2 2 2 4 2 5 3" xfId="8480"/>
    <cellStyle name="標準 3 3 2 2 2 4 2 5_原油高騰等の影響業種" xfId="9651"/>
    <cellStyle name="標準 3 3 2 2 2 4 2 6" xfId="3314"/>
    <cellStyle name="標準 3 3 2 2 2 4 2 7" xfId="6266"/>
    <cellStyle name="標準 3 3 2 2 2 4 2_原油高騰等の影響業種" xfId="9644"/>
    <cellStyle name="標準 3 3 2 2 2 4 3" xfId="551"/>
    <cellStyle name="標準 3 3 2 2 2 4 3 2" xfId="1289"/>
    <cellStyle name="標準 3 3 2 2 2 4 3 2 2" xfId="4241"/>
    <cellStyle name="標準 3 3 2 2 2 4 3 2 3" xfId="7193"/>
    <cellStyle name="標準 3 3 2 2 2 4 3 2_原油高騰等の影響業種" xfId="9653"/>
    <cellStyle name="標準 3 3 2 2 2 4 3 3" xfId="2027"/>
    <cellStyle name="標準 3 3 2 2 2 4 3 3 2" xfId="4979"/>
    <cellStyle name="標準 3 3 2 2 2 4 3 3 3" xfId="7931"/>
    <cellStyle name="標準 3 3 2 2 2 4 3 3_原油高騰等の影響業種" xfId="9654"/>
    <cellStyle name="標準 3 3 2 2 2 4 3 4" xfId="2765"/>
    <cellStyle name="標準 3 3 2 2 2 4 3 4 2" xfId="5717"/>
    <cellStyle name="標準 3 3 2 2 2 4 3 4 3" xfId="8669"/>
    <cellStyle name="標準 3 3 2 2 2 4 3 4_原油高騰等の影響業種" xfId="9655"/>
    <cellStyle name="標準 3 3 2 2 2 4 3 5" xfId="3503"/>
    <cellStyle name="標準 3 3 2 2 2 4 3 6" xfId="6455"/>
    <cellStyle name="標準 3 3 2 2 2 4 3_原油高騰等の影響業種" xfId="9652"/>
    <cellStyle name="標準 3 3 2 2 2 4 4" xfId="920"/>
    <cellStyle name="標準 3 3 2 2 2 4 4 2" xfId="3872"/>
    <cellStyle name="標準 3 3 2 2 2 4 4 3" xfId="6824"/>
    <cellStyle name="標準 3 3 2 2 2 4 4_原油高騰等の影響業種" xfId="9656"/>
    <cellStyle name="標準 3 3 2 2 2 4 5" xfId="1658"/>
    <cellStyle name="標準 3 3 2 2 2 4 5 2" xfId="4610"/>
    <cellStyle name="標準 3 3 2 2 2 4 5 3" xfId="7562"/>
    <cellStyle name="標準 3 3 2 2 2 4 5_原油高騰等の影響業種" xfId="9657"/>
    <cellStyle name="標準 3 3 2 2 2 4 6" xfId="2396"/>
    <cellStyle name="標準 3 3 2 2 2 4 6 2" xfId="5348"/>
    <cellStyle name="標準 3 3 2 2 2 4 6 3" xfId="8300"/>
    <cellStyle name="標準 3 3 2 2 2 4 6_原油高騰等の影響業種" xfId="9658"/>
    <cellStyle name="標準 3 3 2 2 2 4 7" xfId="3134"/>
    <cellStyle name="標準 3 3 2 2 2 4 8" xfId="6086"/>
    <cellStyle name="標準 3 3 2 2 2 4_原油高騰等の影響業種" xfId="9643"/>
    <cellStyle name="標準 3 3 2 2 2 5" xfId="223"/>
    <cellStyle name="標準 3 3 2 2 2 5 2" xfId="596"/>
    <cellStyle name="標準 3 3 2 2 2 5 2 2" xfId="1334"/>
    <cellStyle name="標準 3 3 2 2 2 5 2 2 2" xfId="4286"/>
    <cellStyle name="標準 3 3 2 2 2 5 2 2 3" xfId="7238"/>
    <cellStyle name="標準 3 3 2 2 2 5 2 2_原油高騰等の影響業種" xfId="9661"/>
    <cellStyle name="標準 3 3 2 2 2 5 2 3" xfId="2072"/>
    <cellStyle name="標準 3 3 2 2 2 5 2 3 2" xfId="5024"/>
    <cellStyle name="標準 3 3 2 2 2 5 2 3 3" xfId="7976"/>
    <cellStyle name="標準 3 3 2 2 2 5 2 3_原油高騰等の影響業種" xfId="9662"/>
    <cellStyle name="標準 3 3 2 2 2 5 2 4" xfId="2810"/>
    <cellStyle name="標準 3 3 2 2 2 5 2 4 2" xfId="5762"/>
    <cellStyle name="標準 3 3 2 2 2 5 2 4 3" xfId="8714"/>
    <cellStyle name="標準 3 3 2 2 2 5 2 4_原油高騰等の影響業種" xfId="9663"/>
    <cellStyle name="標準 3 3 2 2 2 5 2 5" xfId="3548"/>
    <cellStyle name="標準 3 3 2 2 2 5 2 6" xfId="6500"/>
    <cellStyle name="標準 3 3 2 2 2 5 2_原油高騰等の影響業種" xfId="9660"/>
    <cellStyle name="標準 3 3 2 2 2 5 3" xfId="965"/>
    <cellStyle name="標準 3 3 2 2 2 5 3 2" xfId="3917"/>
    <cellStyle name="標準 3 3 2 2 2 5 3 3" xfId="6869"/>
    <cellStyle name="標準 3 3 2 2 2 5 3_原油高騰等の影響業種" xfId="9664"/>
    <cellStyle name="標準 3 3 2 2 2 5 4" xfId="1703"/>
    <cellStyle name="標準 3 3 2 2 2 5 4 2" xfId="4655"/>
    <cellStyle name="標準 3 3 2 2 2 5 4 3" xfId="7607"/>
    <cellStyle name="標準 3 3 2 2 2 5 4_原油高騰等の影響業種" xfId="9665"/>
    <cellStyle name="標準 3 3 2 2 2 5 5" xfId="2441"/>
    <cellStyle name="標準 3 3 2 2 2 5 5 2" xfId="5393"/>
    <cellStyle name="標準 3 3 2 2 2 5 5 3" xfId="8345"/>
    <cellStyle name="標準 3 3 2 2 2 5 5_原油高騰等の影響業種" xfId="9666"/>
    <cellStyle name="標準 3 3 2 2 2 5 6" xfId="3179"/>
    <cellStyle name="標準 3 3 2 2 2 5 7" xfId="6131"/>
    <cellStyle name="標準 3 3 2 2 2 5_原油高騰等の影響業種" xfId="9659"/>
    <cellStyle name="標準 3 3 2 2 2 6" xfId="416"/>
    <cellStyle name="標準 3 3 2 2 2 6 2" xfId="1154"/>
    <cellStyle name="標準 3 3 2 2 2 6 2 2" xfId="4106"/>
    <cellStyle name="標準 3 3 2 2 2 6 2 3" xfId="7058"/>
    <cellStyle name="標準 3 3 2 2 2 6 2_原油高騰等の影響業種" xfId="9668"/>
    <cellStyle name="標準 3 3 2 2 2 6 3" xfId="1892"/>
    <cellStyle name="標準 3 3 2 2 2 6 3 2" xfId="4844"/>
    <cellStyle name="標準 3 3 2 2 2 6 3 3" xfId="7796"/>
    <cellStyle name="標準 3 3 2 2 2 6 3_原油高騰等の影響業種" xfId="9669"/>
    <cellStyle name="標準 3 3 2 2 2 6 4" xfId="2630"/>
    <cellStyle name="標準 3 3 2 2 2 6 4 2" xfId="5582"/>
    <cellStyle name="標準 3 3 2 2 2 6 4 3" xfId="8534"/>
    <cellStyle name="標準 3 3 2 2 2 6 4_原油高騰等の影響業種" xfId="9670"/>
    <cellStyle name="標準 3 3 2 2 2 6 5" xfId="3368"/>
    <cellStyle name="標準 3 3 2 2 2 6 6" xfId="6320"/>
    <cellStyle name="標準 3 3 2 2 2 6_原油高騰等の影響業種" xfId="9667"/>
    <cellStyle name="標準 3 3 2 2 2 7" xfId="785"/>
    <cellStyle name="標準 3 3 2 2 2 7 2" xfId="3737"/>
    <cellStyle name="標準 3 3 2 2 2 7 3" xfId="6689"/>
    <cellStyle name="標準 3 3 2 2 2 7_原油高騰等の影響業種" xfId="9671"/>
    <cellStyle name="標準 3 3 2 2 2 8" xfId="1523"/>
    <cellStyle name="標準 3 3 2 2 2 8 2" xfId="4475"/>
    <cellStyle name="標準 3 3 2 2 2 8 3" xfId="7427"/>
    <cellStyle name="標準 3 3 2 2 2 8_原油高騰等の影響業種" xfId="9672"/>
    <cellStyle name="標準 3 3 2 2 2 9" xfId="2261"/>
    <cellStyle name="標準 3 3 2 2 2 9 2" xfId="5213"/>
    <cellStyle name="標準 3 3 2 2 2 9 3" xfId="8165"/>
    <cellStyle name="標準 3 3 2 2 2 9_原油高騰等の影響業種" xfId="9673"/>
    <cellStyle name="標準 3 3 2 2 2_原油高騰等の影響業種" xfId="9610"/>
    <cellStyle name="標準 3 3 2 2 3" xfId="70"/>
    <cellStyle name="標準 3 3 2 2 3 2" xfId="250"/>
    <cellStyle name="標準 3 3 2 2 3 2 2" xfId="623"/>
    <cellStyle name="標準 3 3 2 2 3 2 2 2" xfId="1361"/>
    <cellStyle name="標準 3 3 2 2 3 2 2 2 2" xfId="4313"/>
    <cellStyle name="標準 3 3 2 2 3 2 2 2 3" xfId="7265"/>
    <cellStyle name="標準 3 3 2 2 3 2 2 2_原油高騰等の影響業種" xfId="9677"/>
    <cellStyle name="標準 3 3 2 2 3 2 2 3" xfId="2099"/>
    <cellStyle name="標準 3 3 2 2 3 2 2 3 2" xfId="5051"/>
    <cellStyle name="標準 3 3 2 2 3 2 2 3 3" xfId="8003"/>
    <cellStyle name="標準 3 3 2 2 3 2 2 3_原油高騰等の影響業種" xfId="9678"/>
    <cellStyle name="標準 3 3 2 2 3 2 2 4" xfId="2837"/>
    <cellStyle name="標準 3 3 2 2 3 2 2 4 2" xfId="5789"/>
    <cellStyle name="標準 3 3 2 2 3 2 2 4 3" xfId="8741"/>
    <cellStyle name="標準 3 3 2 2 3 2 2 4_原油高騰等の影響業種" xfId="9679"/>
    <cellStyle name="標準 3 3 2 2 3 2 2 5" xfId="3575"/>
    <cellStyle name="標準 3 3 2 2 3 2 2 6" xfId="6527"/>
    <cellStyle name="標準 3 3 2 2 3 2 2_原油高騰等の影響業種" xfId="9676"/>
    <cellStyle name="標準 3 3 2 2 3 2 3" xfId="992"/>
    <cellStyle name="標準 3 3 2 2 3 2 3 2" xfId="3944"/>
    <cellStyle name="標準 3 3 2 2 3 2 3 3" xfId="6896"/>
    <cellStyle name="標準 3 3 2 2 3 2 3_原油高騰等の影響業種" xfId="9680"/>
    <cellStyle name="標準 3 3 2 2 3 2 4" xfId="1730"/>
    <cellStyle name="標準 3 3 2 2 3 2 4 2" xfId="4682"/>
    <cellStyle name="標準 3 3 2 2 3 2 4 3" xfId="7634"/>
    <cellStyle name="標準 3 3 2 2 3 2 4_原油高騰等の影響業種" xfId="9681"/>
    <cellStyle name="標準 3 3 2 2 3 2 5" xfId="2468"/>
    <cellStyle name="標準 3 3 2 2 3 2 5 2" xfId="5420"/>
    <cellStyle name="標準 3 3 2 2 3 2 5 3" xfId="8372"/>
    <cellStyle name="標準 3 3 2 2 3 2 5_原油高騰等の影響業種" xfId="9682"/>
    <cellStyle name="標準 3 3 2 2 3 2 6" xfId="3206"/>
    <cellStyle name="標準 3 3 2 2 3 2 7" xfId="6158"/>
    <cellStyle name="標準 3 3 2 2 3 2_原油高騰等の影響業種" xfId="9675"/>
    <cellStyle name="標準 3 3 2 2 3 3" xfId="443"/>
    <cellStyle name="標準 3 3 2 2 3 3 2" xfId="1181"/>
    <cellStyle name="標準 3 3 2 2 3 3 2 2" xfId="4133"/>
    <cellStyle name="標準 3 3 2 2 3 3 2 3" xfId="7085"/>
    <cellStyle name="標準 3 3 2 2 3 3 2_原油高騰等の影響業種" xfId="9684"/>
    <cellStyle name="標準 3 3 2 2 3 3 3" xfId="1919"/>
    <cellStyle name="標準 3 3 2 2 3 3 3 2" xfId="4871"/>
    <cellStyle name="標準 3 3 2 2 3 3 3 3" xfId="7823"/>
    <cellStyle name="標準 3 3 2 2 3 3 3_原油高騰等の影響業種" xfId="9685"/>
    <cellStyle name="標準 3 3 2 2 3 3 4" xfId="2657"/>
    <cellStyle name="標準 3 3 2 2 3 3 4 2" xfId="5609"/>
    <cellStyle name="標準 3 3 2 2 3 3 4 3" xfId="8561"/>
    <cellStyle name="標準 3 3 2 2 3 3 4_原油高騰等の影響業種" xfId="9686"/>
    <cellStyle name="標準 3 3 2 2 3 3 5" xfId="3395"/>
    <cellStyle name="標準 3 3 2 2 3 3 6" xfId="6347"/>
    <cellStyle name="標準 3 3 2 2 3 3_原油高騰等の影響業種" xfId="9683"/>
    <cellStyle name="標準 3 3 2 2 3 4" xfId="812"/>
    <cellStyle name="標準 3 3 2 2 3 4 2" xfId="3764"/>
    <cellStyle name="標準 3 3 2 2 3 4 3" xfId="6716"/>
    <cellStyle name="標準 3 3 2 2 3 4_原油高騰等の影響業種" xfId="9687"/>
    <cellStyle name="標準 3 3 2 2 3 5" xfId="1550"/>
    <cellStyle name="標準 3 3 2 2 3 5 2" xfId="4502"/>
    <cellStyle name="標準 3 3 2 2 3 5 3" xfId="7454"/>
    <cellStyle name="標準 3 3 2 2 3 5_原油高騰等の影響業種" xfId="9688"/>
    <cellStyle name="標準 3 3 2 2 3 6" xfId="2288"/>
    <cellStyle name="標準 3 3 2 2 3 6 2" xfId="5240"/>
    <cellStyle name="標準 3 3 2 2 3 6 3" xfId="8192"/>
    <cellStyle name="標準 3 3 2 2 3 6_原油高騰等の影響業種" xfId="9689"/>
    <cellStyle name="標準 3 3 2 2 3 7" xfId="3026"/>
    <cellStyle name="標準 3 3 2 2 3 8" xfId="5978"/>
    <cellStyle name="標準 3 3 2 2 3_原油高騰等の影響業種" xfId="9674"/>
    <cellStyle name="標準 3 3 2 2 4" xfId="115"/>
    <cellStyle name="標準 3 3 2 2 4 2" xfId="295"/>
    <cellStyle name="標準 3 3 2 2 4 2 2" xfId="668"/>
    <cellStyle name="標準 3 3 2 2 4 2 2 2" xfId="1406"/>
    <cellStyle name="標準 3 3 2 2 4 2 2 2 2" xfId="4358"/>
    <cellStyle name="標準 3 3 2 2 4 2 2 2 3" xfId="7310"/>
    <cellStyle name="標準 3 3 2 2 4 2 2 2_原油高騰等の影響業種" xfId="9693"/>
    <cellStyle name="標準 3 3 2 2 4 2 2 3" xfId="2144"/>
    <cellStyle name="標準 3 3 2 2 4 2 2 3 2" xfId="5096"/>
    <cellStyle name="標準 3 3 2 2 4 2 2 3 3" xfId="8048"/>
    <cellStyle name="標準 3 3 2 2 4 2 2 3_原油高騰等の影響業種" xfId="9694"/>
    <cellStyle name="標準 3 3 2 2 4 2 2 4" xfId="2882"/>
    <cellStyle name="標準 3 3 2 2 4 2 2 4 2" xfId="5834"/>
    <cellStyle name="標準 3 3 2 2 4 2 2 4 3" xfId="8786"/>
    <cellStyle name="標準 3 3 2 2 4 2 2 4_原油高騰等の影響業種" xfId="9695"/>
    <cellStyle name="標準 3 3 2 2 4 2 2 5" xfId="3620"/>
    <cellStyle name="標準 3 3 2 2 4 2 2 6" xfId="6572"/>
    <cellStyle name="標準 3 3 2 2 4 2 2_原油高騰等の影響業種" xfId="9692"/>
    <cellStyle name="標準 3 3 2 2 4 2 3" xfId="1037"/>
    <cellStyle name="標準 3 3 2 2 4 2 3 2" xfId="3989"/>
    <cellStyle name="標準 3 3 2 2 4 2 3 3" xfId="6941"/>
    <cellStyle name="標準 3 3 2 2 4 2 3_原油高騰等の影響業種" xfId="9696"/>
    <cellStyle name="標準 3 3 2 2 4 2 4" xfId="1775"/>
    <cellStyle name="標準 3 3 2 2 4 2 4 2" xfId="4727"/>
    <cellStyle name="標準 3 3 2 2 4 2 4 3" xfId="7679"/>
    <cellStyle name="標準 3 3 2 2 4 2 4_原油高騰等の影響業種" xfId="9697"/>
    <cellStyle name="標準 3 3 2 2 4 2 5" xfId="2513"/>
    <cellStyle name="標準 3 3 2 2 4 2 5 2" xfId="5465"/>
    <cellStyle name="標準 3 3 2 2 4 2 5 3" xfId="8417"/>
    <cellStyle name="標準 3 3 2 2 4 2 5_原油高騰等の影響業種" xfId="9698"/>
    <cellStyle name="標準 3 3 2 2 4 2 6" xfId="3251"/>
    <cellStyle name="標準 3 3 2 2 4 2 7" xfId="6203"/>
    <cellStyle name="標準 3 3 2 2 4 2_原油高騰等の影響業種" xfId="9691"/>
    <cellStyle name="標準 3 3 2 2 4 3" xfId="488"/>
    <cellStyle name="標準 3 3 2 2 4 3 2" xfId="1226"/>
    <cellStyle name="標準 3 3 2 2 4 3 2 2" xfId="4178"/>
    <cellStyle name="標準 3 3 2 2 4 3 2 3" xfId="7130"/>
    <cellStyle name="標準 3 3 2 2 4 3 2_原油高騰等の影響業種" xfId="9700"/>
    <cellStyle name="標準 3 3 2 2 4 3 3" xfId="1964"/>
    <cellStyle name="標準 3 3 2 2 4 3 3 2" xfId="4916"/>
    <cellStyle name="標準 3 3 2 2 4 3 3 3" xfId="7868"/>
    <cellStyle name="標準 3 3 2 2 4 3 3_原油高騰等の影響業種" xfId="9701"/>
    <cellStyle name="標準 3 3 2 2 4 3 4" xfId="2702"/>
    <cellStyle name="標準 3 3 2 2 4 3 4 2" xfId="5654"/>
    <cellStyle name="標準 3 3 2 2 4 3 4 3" xfId="8606"/>
    <cellStyle name="標準 3 3 2 2 4 3 4_原油高騰等の影響業種" xfId="9702"/>
    <cellStyle name="標準 3 3 2 2 4 3 5" xfId="3440"/>
    <cellStyle name="標準 3 3 2 2 4 3 6" xfId="6392"/>
    <cellStyle name="標準 3 3 2 2 4 3_原油高騰等の影響業種" xfId="9699"/>
    <cellStyle name="標準 3 3 2 2 4 4" xfId="857"/>
    <cellStyle name="標準 3 3 2 2 4 4 2" xfId="3809"/>
    <cellStyle name="標準 3 3 2 2 4 4 3" xfId="6761"/>
    <cellStyle name="標準 3 3 2 2 4 4_原油高騰等の影響業種" xfId="9703"/>
    <cellStyle name="標準 3 3 2 2 4 5" xfId="1595"/>
    <cellStyle name="標準 3 3 2 2 4 5 2" xfId="4547"/>
    <cellStyle name="標準 3 3 2 2 4 5 3" xfId="7499"/>
    <cellStyle name="標準 3 3 2 2 4 5_原油高騰等の影響業種" xfId="9704"/>
    <cellStyle name="標準 3 3 2 2 4 6" xfId="2333"/>
    <cellStyle name="標準 3 3 2 2 4 6 2" xfId="5285"/>
    <cellStyle name="標準 3 3 2 2 4 6 3" xfId="8237"/>
    <cellStyle name="標準 3 3 2 2 4 6_原油高騰等の影響業種" xfId="9705"/>
    <cellStyle name="標準 3 3 2 2 4 7" xfId="3071"/>
    <cellStyle name="標準 3 3 2 2 4 8" xfId="6023"/>
    <cellStyle name="標準 3 3 2 2 4_原油高騰等の影響業種" xfId="9690"/>
    <cellStyle name="標準 3 3 2 2 5" xfId="160"/>
    <cellStyle name="標準 3 3 2 2 5 2" xfId="340"/>
    <cellStyle name="標準 3 3 2 2 5 2 2" xfId="713"/>
    <cellStyle name="標準 3 3 2 2 5 2 2 2" xfId="1451"/>
    <cellStyle name="標準 3 3 2 2 5 2 2 2 2" xfId="4403"/>
    <cellStyle name="標準 3 3 2 2 5 2 2 2 3" xfId="7355"/>
    <cellStyle name="標準 3 3 2 2 5 2 2 2_原油高騰等の影響業種" xfId="9709"/>
    <cellStyle name="標準 3 3 2 2 5 2 2 3" xfId="2189"/>
    <cellStyle name="標準 3 3 2 2 5 2 2 3 2" xfId="5141"/>
    <cellStyle name="標準 3 3 2 2 5 2 2 3 3" xfId="8093"/>
    <cellStyle name="標準 3 3 2 2 5 2 2 3_原油高騰等の影響業種" xfId="9710"/>
    <cellStyle name="標準 3 3 2 2 5 2 2 4" xfId="2927"/>
    <cellStyle name="標準 3 3 2 2 5 2 2 4 2" xfId="5879"/>
    <cellStyle name="標準 3 3 2 2 5 2 2 4 3" xfId="8831"/>
    <cellStyle name="標準 3 3 2 2 5 2 2 4_原油高騰等の影響業種" xfId="9711"/>
    <cellStyle name="標準 3 3 2 2 5 2 2 5" xfId="3665"/>
    <cellStyle name="標準 3 3 2 2 5 2 2 6" xfId="6617"/>
    <cellStyle name="標準 3 3 2 2 5 2 2_原油高騰等の影響業種" xfId="9708"/>
    <cellStyle name="標準 3 3 2 2 5 2 3" xfId="1082"/>
    <cellStyle name="標準 3 3 2 2 5 2 3 2" xfId="4034"/>
    <cellStyle name="標準 3 3 2 2 5 2 3 3" xfId="6986"/>
    <cellStyle name="標準 3 3 2 2 5 2 3_原油高騰等の影響業種" xfId="9712"/>
    <cellStyle name="標準 3 3 2 2 5 2 4" xfId="1820"/>
    <cellStyle name="標準 3 3 2 2 5 2 4 2" xfId="4772"/>
    <cellStyle name="標準 3 3 2 2 5 2 4 3" xfId="7724"/>
    <cellStyle name="標準 3 3 2 2 5 2 4_原油高騰等の影響業種" xfId="9713"/>
    <cellStyle name="標準 3 3 2 2 5 2 5" xfId="2558"/>
    <cellStyle name="標準 3 3 2 2 5 2 5 2" xfId="5510"/>
    <cellStyle name="標準 3 3 2 2 5 2 5 3" xfId="8462"/>
    <cellStyle name="標準 3 3 2 2 5 2 5_原油高騰等の影響業種" xfId="9714"/>
    <cellStyle name="標準 3 3 2 2 5 2 6" xfId="3296"/>
    <cellStyle name="標準 3 3 2 2 5 2 7" xfId="6248"/>
    <cellStyle name="標準 3 3 2 2 5 2_原油高騰等の影響業種" xfId="9707"/>
    <cellStyle name="標準 3 3 2 2 5 3" xfId="533"/>
    <cellStyle name="標準 3 3 2 2 5 3 2" xfId="1271"/>
    <cellStyle name="標準 3 3 2 2 5 3 2 2" xfId="4223"/>
    <cellStyle name="標準 3 3 2 2 5 3 2 3" xfId="7175"/>
    <cellStyle name="標準 3 3 2 2 5 3 2_原油高騰等の影響業種" xfId="9716"/>
    <cellStyle name="標準 3 3 2 2 5 3 3" xfId="2009"/>
    <cellStyle name="標準 3 3 2 2 5 3 3 2" xfId="4961"/>
    <cellStyle name="標準 3 3 2 2 5 3 3 3" xfId="7913"/>
    <cellStyle name="標準 3 3 2 2 5 3 3_原油高騰等の影響業種" xfId="9717"/>
    <cellStyle name="標準 3 3 2 2 5 3 4" xfId="2747"/>
    <cellStyle name="標準 3 3 2 2 5 3 4 2" xfId="5699"/>
    <cellStyle name="標準 3 3 2 2 5 3 4 3" xfId="8651"/>
    <cellStyle name="標準 3 3 2 2 5 3 4_原油高騰等の影響業種" xfId="9718"/>
    <cellStyle name="標準 3 3 2 2 5 3 5" xfId="3485"/>
    <cellStyle name="標準 3 3 2 2 5 3 6" xfId="6437"/>
    <cellStyle name="標準 3 3 2 2 5 3_原油高騰等の影響業種" xfId="9715"/>
    <cellStyle name="標準 3 3 2 2 5 4" xfId="902"/>
    <cellStyle name="標準 3 3 2 2 5 4 2" xfId="3854"/>
    <cellStyle name="標準 3 3 2 2 5 4 3" xfId="6806"/>
    <cellStyle name="標準 3 3 2 2 5 4_原油高騰等の影響業種" xfId="9719"/>
    <cellStyle name="標準 3 3 2 2 5 5" xfId="1640"/>
    <cellStyle name="標準 3 3 2 2 5 5 2" xfId="4592"/>
    <cellStyle name="標準 3 3 2 2 5 5 3" xfId="7544"/>
    <cellStyle name="標準 3 3 2 2 5 5_原油高騰等の影響業種" xfId="9720"/>
    <cellStyle name="標準 3 3 2 2 5 6" xfId="2378"/>
    <cellStyle name="標準 3 3 2 2 5 6 2" xfId="5330"/>
    <cellStyle name="標準 3 3 2 2 5 6 3" xfId="8282"/>
    <cellStyle name="標準 3 3 2 2 5 6_原油高騰等の影響業種" xfId="9721"/>
    <cellStyle name="標準 3 3 2 2 5 7" xfId="3116"/>
    <cellStyle name="標準 3 3 2 2 5 8" xfId="6068"/>
    <cellStyle name="標準 3 3 2 2 5_原油高騰等の影響業種" xfId="9706"/>
    <cellStyle name="標準 3 3 2 2 6" xfId="205"/>
    <cellStyle name="標準 3 3 2 2 6 2" xfId="578"/>
    <cellStyle name="標準 3 3 2 2 6 2 2" xfId="1316"/>
    <cellStyle name="標準 3 3 2 2 6 2 2 2" xfId="4268"/>
    <cellStyle name="標準 3 3 2 2 6 2 2 3" xfId="7220"/>
    <cellStyle name="標準 3 3 2 2 6 2 2_原油高騰等の影響業種" xfId="9724"/>
    <cellStyle name="標準 3 3 2 2 6 2 3" xfId="2054"/>
    <cellStyle name="標準 3 3 2 2 6 2 3 2" xfId="5006"/>
    <cellStyle name="標準 3 3 2 2 6 2 3 3" xfId="7958"/>
    <cellStyle name="標準 3 3 2 2 6 2 3_原油高騰等の影響業種" xfId="9725"/>
    <cellStyle name="標準 3 3 2 2 6 2 4" xfId="2792"/>
    <cellStyle name="標準 3 3 2 2 6 2 4 2" xfId="5744"/>
    <cellStyle name="標準 3 3 2 2 6 2 4 3" xfId="8696"/>
    <cellStyle name="標準 3 3 2 2 6 2 4_原油高騰等の影響業種" xfId="9726"/>
    <cellStyle name="標準 3 3 2 2 6 2 5" xfId="3530"/>
    <cellStyle name="標準 3 3 2 2 6 2 6" xfId="6482"/>
    <cellStyle name="標準 3 3 2 2 6 2_原油高騰等の影響業種" xfId="9723"/>
    <cellStyle name="標準 3 3 2 2 6 3" xfId="947"/>
    <cellStyle name="標準 3 3 2 2 6 3 2" xfId="3899"/>
    <cellStyle name="標準 3 3 2 2 6 3 3" xfId="6851"/>
    <cellStyle name="標準 3 3 2 2 6 3_原油高騰等の影響業種" xfId="9727"/>
    <cellStyle name="標準 3 3 2 2 6 4" xfId="1685"/>
    <cellStyle name="標準 3 3 2 2 6 4 2" xfId="4637"/>
    <cellStyle name="標準 3 3 2 2 6 4 3" xfId="7589"/>
    <cellStyle name="標準 3 3 2 2 6 4_原油高騰等の影響業種" xfId="9728"/>
    <cellStyle name="標準 3 3 2 2 6 5" xfId="2423"/>
    <cellStyle name="標準 3 3 2 2 6 5 2" xfId="5375"/>
    <cellStyle name="標準 3 3 2 2 6 5 3" xfId="8327"/>
    <cellStyle name="標準 3 3 2 2 6 5_原油高騰等の影響業種" xfId="9729"/>
    <cellStyle name="標準 3 3 2 2 6 6" xfId="3161"/>
    <cellStyle name="標準 3 3 2 2 6 7" xfId="6113"/>
    <cellStyle name="標準 3 3 2 2 6_原油高騰等の影響業種" xfId="9722"/>
    <cellStyle name="標準 3 3 2 2 7" xfId="398"/>
    <cellStyle name="標準 3 3 2 2 7 2" xfId="1136"/>
    <cellStyle name="標準 3 3 2 2 7 2 2" xfId="4088"/>
    <cellStyle name="標準 3 3 2 2 7 2 3" xfId="7040"/>
    <cellStyle name="標準 3 3 2 2 7 2_原油高騰等の影響業種" xfId="9731"/>
    <cellStyle name="標準 3 3 2 2 7 3" xfId="1874"/>
    <cellStyle name="標準 3 3 2 2 7 3 2" xfId="4826"/>
    <cellStyle name="標準 3 3 2 2 7 3 3" xfId="7778"/>
    <cellStyle name="標準 3 3 2 2 7 3_原油高騰等の影響業種" xfId="9732"/>
    <cellStyle name="標準 3 3 2 2 7 4" xfId="2612"/>
    <cellStyle name="標準 3 3 2 2 7 4 2" xfId="5564"/>
    <cellStyle name="標準 3 3 2 2 7 4 3" xfId="8516"/>
    <cellStyle name="標準 3 3 2 2 7 4_原油高騰等の影響業種" xfId="9733"/>
    <cellStyle name="標準 3 3 2 2 7 5" xfId="3350"/>
    <cellStyle name="標準 3 3 2 2 7 6" xfId="6302"/>
    <cellStyle name="標準 3 3 2 2 7_原油高騰等の影響業種" xfId="9730"/>
    <cellStyle name="標準 3 3 2 2 8" xfId="767"/>
    <cellStyle name="標準 3 3 2 2 8 2" xfId="3719"/>
    <cellStyle name="標準 3 3 2 2 8 3" xfId="6671"/>
    <cellStyle name="標準 3 3 2 2 8_原油高騰等の影響業種" xfId="9734"/>
    <cellStyle name="標準 3 3 2 2 9" xfId="1505"/>
    <cellStyle name="標準 3 3 2 2 9 2" xfId="4457"/>
    <cellStyle name="標準 3 3 2 2 9 3" xfId="7409"/>
    <cellStyle name="標準 3 3 2 2 9_原油高騰等の影響業種" xfId="9735"/>
    <cellStyle name="標準 3 3 2 2_原油高騰等の影響業種" xfId="9608"/>
    <cellStyle name="標準 3 3 2 3" xfId="34"/>
    <cellStyle name="標準 3 3 2 3 10" xfId="2990"/>
    <cellStyle name="標準 3 3 2 3 11" xfId="5942"/>
    <cellStyle name="標準 3 3 2 3 2" xfId="79"/>
    <cellStyle name="標準 3 3 2 3 2 2" xfId="259"/>
    <cellStyle name="標準 3 3 2 3 2 2 2" xfId="632"/>
    <cellStyle name="標準 3 3 2 3 2 2 2 2" xfId="1370"/>
    <cellStyle name="標準 3 3 2 3 2 2 2 2 2" xfId="4322"/>
    <cellStyle name="標準 3 3 2 3 2 2 2 2 3" xfId="7274"/>
    <cellStyle name="標準 3 3 2 3 2 2 2 2_原油高騰等の影響業種" xfId="9740"/>
    <cellStyle name="標準 3 3 2 3 2 2 2 3" xfId="2108"/>
    <cellStyle name="標準 3 3 2 3 2 2 2 3 2" xfId="5060"/>
    <cellStyle name="標準 3 3 2 3 2 2 2 3 3" xfId="8012"/>
    <cellStyle name="標準 3 3 2 3 2 2 2 3_原油高騰等の影響業種" xfId="9741"/>
    <cellStyle name="標準 3 3 2 3 2 2 2 4" xfId="2846"/>
    <cellStyle name="標準 3 3 2 3 2 2 2 4 2" xfId="5798"/>
    <cellStyle name="標準 3 3 2 3 2 2 2 4 3" xfId="8750"/>
    <cellStyle name="標準 3 3 2 3 2 2 2 4_原油高騰等の影響業種" xfId="9742"/>
    <cellStyle name="標準 3 3 2 3 2 2 2 5" xfId="3584"/>
    <cellStyle name="標準 3 3 2 3 2 2 2 6" xfId="6536"/>
    <cellStyle name="標準 3 3 2 3 2 2 2_原油高騰等の影響業種" xfId="9739"/>
    <cellStyle name="標準 3 3 2 3 2 2 3" xfId="1001"/>
    <cellStyle name="標準 3 3 2 3 2 2 3 2" xfId="3953"/>
    <cellStyle name="標準 3 3 2 3 2 2 3 3" xfId="6905"/>
    <cellStyle name="標準 3 3 2 3 2 2 3_原油高騰等の影響業種" xfId="9743"/>
    <cellStyle name="標準 3 3 2 3 2 2 4" xfId="1739"/>
    <cellStyle name="標準 3 3 2 3 2 2 4 2" xfId="4691"/>
    <cellStyle name="標準 3 3 2 3 2 2 4 3" xfId="7643"/>
    <cellStyle name="標準 3 3 2 3 2 2 4_原油高騰等の影響業種" xfId="9744"/>
    <cellStyle name="標準 3 3 2 3 2 2 5" xfId="2477"/>
    <cellStyle name="標準 3 3 2 3 2 2 5 2" xfId="5429"/>
    <cellStyle name="標準 3 3 2 3 2 2 5 3" xfId="8381"/>
    <cellStyle name="標準 3 3 2 3 2 2 5_原油高騰等の影響業種" xfId="9745"/>
    <cellStyle name="標準 3 3 2 3 2 2 6" xfId="3215"/>
    <cellStyle name="標準 3 3 2 3 2 2 7" xfId="6167"/>
    <cellStyle name="標準 3 3 2 3 2 2_原油高騰等の影響業種" xfId="9738"/>
    <cellStyle name="標準 3 3 2 3 2 3" xfId="452"/>
    <cellStyle name="標準 3 3 2 3 2 3 2" xfId="1190"/>
    <cellStyle name="標準 3 3 2 3 2 3 2 2" xfId="4142"/>
    <cellStyle name="標準 3 3 2 3 2 3 2 3" xfId="7094"/>
    <cellStyle name="標準 3 3 2 3 2 3 2_原油高騰等の影響業種" xfId="9747"/>
    <cellStyle name="標準 3 3 2 3 2 3 3" xfId="1928"/>
    <cellStyle name="標準 3 3 2 3 2 3 3 2" xfId="4880"/>
    <cellStyle name="標準 3 3 2 3 2 3 3 3" xfId="7832"/>
    <cellStyle name="標準 3 3 2 3 2 3 3_原油高騰等の影響業種" xfId="9748"/>
    <cellStyle name="標準 3 3 2 3 2 3 4" xfId="2666"/>
    <cellStyle name="標準 3 3 2 3 2 3 4 2" xfId="5618"/>
    <cellStyle name="標準 3 3 2 3 2 3 4 3" xfId="8570"/>
    <cellStyle name="標準 3 3 2 3 2 3 4_原油高騰等の影響業種" xfId="9749"/>
    <cellStyle name="標準 3 3 2 3 2 3 5" xfId="3404"/>
    <cellStyle name="標準 3 3 2 3 2 3 6" xfId="6356"/>
    <cellStyle name="標準 3 3 2 3 2 3_原油高騰等の影響業種" xfId="9746"/>
    <cellStyle name="標準 3 3 2 3 2 4" xfId="821"/>
    <cellStyle name="標準 3 3 2 3 2 4 2" xfId="3773"/>
    <cellStyle name="標準 3 3 2 3 2 4 3" xfId="6725"/>
    <cellStyle name="標準 3 3 2 3 2 4_原油高騰等の影響業種" xfId="9750"/>
    <cellStyle name="標準 3 3 2 3 2 5" xfId="1559"/>
    <cellStyle name="標準 3 3 2 3 2 5 2" xfId="4511"/>
    <cellStyle name="標準 3 3 2 3 2 5 3" xfId="7463"/>
    <cellStyle name="標準 3 3 2 3 2 5_原油高騰等の影響業種" xfId="9751"/>
    <cellStyle name="標準 3 3 2 3 2 6" xfId="2297"/>
    <cellStyle name="標準 3 3 2 3 2 6 2" xfId="5249"/>
    <cellStyle name="標準 3 3 2 3 2 6 3" xfId="8201"/>
    <cellStyle name="標準 3 3 2 3 2 6_原油高騰等の影響業種" xfId="9752"/>
    <cellStyle name="標準 3 3 2 3 2 7" xfId="3035"/>
    <cellStyle name="標準 3 3 2 3 2 8" xfId="5987"/>
    <cellStyle name="標準 3 3 2 3 2_原油高騰等の影響業種" xfId="9737"/>
    <cellStyle name="標準 3 3 2 3 3" xfId="124"/>
    <cellStyle name="標準 3 3 2 3 3 2" xfId="304"/>
    <cellStyle name="標準 3 3 2 3 3 2 2" xfId="677"/>
    <cellStyle name="標準 3 3 2 3 3 2 2 2" xfId="1415"/>
    <cellStyle name="標準 3 3 2 3 3 2 2 2 2" xfId="4367"/>
    <cellStyle name="標準 3 3 2 3 3 2 2 2 3" xfId="7319"/>
    <cellStyle name="標準 3 3 2 3 3 2 2 2_原油高騰等の影響業種" xfId="9756"/>
    <cellStyle name="標準 3 3 2 3 3 2 2 3" xfId="2153"/>
    <cellStyle name="標準 3 3 2 3 3 2 2 3 2" xfId="5105"/>
    <cellStyle name="標準 3 3 2 3 3 2 2 3 3" xfId="8057"/>
    <cellStyle name="標準 3 3 2 3 3 2 2 3_原油高騰等の影響業種" xfId="9757"/>
    <cellStyle name="標準 3 3 2 3 3 2 2 4" xfId="2891"/>
    <cellStyle name="標準 3 3 2 3 3 2 2 4 2" xfId="5843"/>
    <cellStyle name="標準 3 3 2 3 3 2 2 4 3" xfId="8795"/>
    <cellStyle name="標準 3 3 2 3 3 2 2 4_原油高騰等の影響業種" xfId="9758"/>
    <cellStyle name="標準 3 3 2 3 3 2 2 5" xfId="3629"/>
    <cellStyle name="標準 3 3 2 3 3 2 2 6" xfId="6581"/>
    <cellStyle name="標準 3 3 2 3 3 2 2_原油高騰等の影響業種" xfId="9755"/>
    <cellStyle name="標準 3 3 2 3 3 2 3" xfId="1046"/>
    <cellStyle name="標準 3 3 2 3 3 2 3 2" xfId="3998"/>
    <cellStyle name="標準 3 3 2 3 3 2 3 3" xfId="6950"/>
    <cellStyle name="標準 3 3 2 3 3 2 3_原油高騰等の影響業種" xfId="9759"/>
    <cellStyle name="標準 3 3 2 3 3 2 4" xfId="1784"/>
    <cellStyle name="標準 3 3 2 3 3 2 4 2" xfId="4736"/>
    <cellStyle name="標準 3 3 2 3 3 2 4 3" xfId="7688"/>
    <cellStyle name="標準 3 3 2 3 3 2 4_原油高騰等の影響業種" xfId="9760"/>
    <cellStyle name="標準 3 3 2 3 3 2 5" xfId="2522"/>
    <cellStyle name="標準 3 3 2 3 3 2 5 2" xfId="5474"/>
    <cellStyle name="標準 3 3 2 3 3 2 5 3" xfId="8426"/>
    <cellStyle name="標準 3 3 2 3 3 2 5_原油高騰等の影響業種" xfId="9761"/>
    <cellStyle name="標準 3 3 2 3 3 2 6" xfId="3260"/>
    <cellStyle name="標準 3 3 2 3 3 2 7" xfId="6212"/>
    <cellStyle name="標準 3 3 2 3 3 2_原油高騰等の影響業種" xfId="9754"/>
    <cellStyle name="標準 3 3 2 3 3 3" xfId="497"/>
    <cellStyle name="標準 3 3 2 3 3 3 2" xfId="1235"/>
    <cellStyle name="標準 3 3 2 3 3 3 2 2" xfId="4187"/>
    <cellStyle name="標準 3 3 2 3 3 3 2 3" xfId="7139"/>
    <cellStyle name="標準 3 3 2 3 3 3 2_原油高騰等の影響業種" xfId="9763"/>
    <cellStyle name="標準 3 3 2 3 3 3 3" xfId="1973"/>
    <cellStyle name="標準 3 3 2 3 3 3 3 2" xfId="4925"/>
    <cellStyle name="標準 3 3 2 3 3 3 3 3" xfId="7877"/>
    <cellStyle name="標準 3 3 2 3 3 3 3_原油高騰等の影響業種" xfId="9764"/>
    <cellStyle name="標準 3 3 2 3 3 3 4" xfId="2711"/>
    <cellStyle name="標準 3 3 2 3 3 3 4 2" xfId="5663"/>
    <cellStyle name="標準 3 3 2 3 3 3 4 3" xfId="8615"/>
    <cellStyle name="標準 3 3 2 3 3 3 4_原油高騰等の影響業種" xfId="9765"/>
    <cellStyle name="標準 3 3 2 3 3 3 5" xfId="3449"/>
    <cellStyle name="標準 3 3 2 3 3 3 6" xfId="6401"/>
    <cellStyle name="標準 3 3 2 3 3 3_原油高騰等の影響業種" xfId="9762"/>
    <cellStyle name="標準 3 3 2 3 3 4" xfId="866"/>
    <cellStyle name="標準 3 3 2 3 3 4 2" xfId="3818"/>
    <cellStyle name="標準 3 3 2 3 3 4 3" xfId="6770"/>
    <cellStyle name="標準 3 3 2 3 3 4_原油高騰等の影響業種" xfId="9766"/>
    <cellStyle name="標準 3 3 2 3 3 5" xfId="1604"/>
    <cellStyle name="標準 3 3 2 3 3 5 2" xfId="4556"/>
    <cellStyle name="標準 3 3 2 3 3 5 3" xfId="7508"/>
    <cellStyle name="標準 3 3 2 3 3 5_原油高騰等の影響業種" xfId="9767"/>
    <cellStyle name="標準 3 3 2 3 3 6" xfId="2342"/>
    <cellStyle name="標準 3 3 2 3 3 6 2" xfId="5294"/>
    <cellStyle name="標準 3 3 2 3 3 6 3" xfId="8246"/>
    <cellStyle name="標準 3 3 2 3 3 6_原油高騰等の影響業種" xfId="9768"/>
    <cellStyle name="標準 3 3 2 3 3 7" xfId="3080"/>
    <cellStyle name="標準 3 3 2 3 3 8" xfId="6032"/>
    <cellStyle name="標準 3 3 2 3 3_原油高騰等の影響業種" xfId="9753"/>
    <cellStyle name="標準 3 3 2 3 4" xfId="169"/>
    <cellStyle name="標準 3 3 2 3 4 2" xfId="349"/>
    <cellStyle name="標準 3 3 2 3 4 2 2" xfId="722"/>
    <cellStyle name="標準 3 3 2 3 4 2 2 2" xfId="1460"/>
    <cellStyle name="標準 3 3 2 3 4 2 2 2 2" xfId="4412"/>
    <cellStyle name="標準 3 3 2 3 4 2 2 2 3" xfId="7364"/>
    <cellStyle name="標準 3 3 2 3 4 2 2 2_原油高騰等の影響業種" xfId="9772"/>
    <cellStyle name="標準 3 3 2 3 4 2 2 3" xfId="2198"/>
    <cellStyle name="標準 3 3 2 3 4 2 2 3 2" xfId="5150"/>
    <cellStyle name="標準 3 3 2 3 4 2 2 3 3" xfId="8102"/>
    <cellStyle name="標準 3 3 2 3 4 2 2 3_原油高騰等の影響業種" xfId="9773"/>
    <cellStyle name="標準 3 3 2 3 4 2 2 4" xfId="2936"/>
    <cellStyle name="標準 3 3 2 3 4 2 2 4 2" xfId="5888"/>
    <cellStyle name="標準 3 3 2 3 4 2 2 4 3" xfId="8840"/>
    <cellStyle name="標準 3 3 2 3 4 2 2 4_原油高騰等の影響業種" xfId="9774"/>
    <cellStyle name="標準 3 3 2 3 4 2 2 5" xfId="3674"/>
    <cellStyle name="標準 3 3 2 3 4 2 2 6" xfId="6626"/>
    <cellStyle name="標準 3 3 2 3 4 2 2_原油高騰等の影響業種" xfId="9771"/>
    <cellStyle name="標準 3 3 2 3 4 2 3" xfId="1091"/>
    <cellStyle name="標準 3 3 2 3 4 2 3 2" xfId="4043"/>
    <cellStyle name="標準 3 3 2 3 4 2 3 3" xfId="6995"/>
    <cellStyle name="標準 3 3 2 3 4 2 3_原油高騰等の影響業種" xfId="9775"/>
    <cellStyle name="標準 3 3 2 3 4 2 4" xfId="1829"/>
    <cellStyle name="標準 3 3 2 3 4 2 4 2" xfId="4781"/>
    <cellStyle name="標準 3 3 2 3 4 2 4 3" xfId="7733"/>
    <cellStyle name="標準 3 3 2 3 4 2 4_原油高騰等の影響業種" xfId="9776"/>
    <cellStyle name="標準 3 3 2 3 4 2 5" xfId="2567"/>
    <cellStyle name="標準 3 3 2 3 4 2 5 2" xfId="5519"/>
    <cellStyle name="標準 3 3 2 3 4 2 5 3" xfId="8471"/>
    <cellStyle name="標準 3 3 2 3 4 2 5_原油高騰等の影響業種" xfId="9777"/>
    <cellStyle name="標準 3 3 2 3 4 2 6" xfId="3305"/>
    <cellStyle name="標準 3 3 2 3 4 2 7" xfId="6257"/>
    <cellStyle name="標準 3 3 2 3 4 2_原油高騰等の影響業種" xfId="9770"/>
    <cellStyle name="標準 3 3 2 3 4 3" xfId="542"/>
    <cellStyle name="標準 3 3 2 3 4 3 2" xfId="1280"/>
    <cellStyle name="標準 3 3 2 3 4 3 2 2" xfId="4232"/>
    <cellStyle name="標準 3 3 2 3 4 3 2 3" xfId="7184"/>
    <cellStyle name="標準 3 3 2 3 4 3 2_原油高騰等の影響業種" xfId="9779"/>
    <cellStyle name="標準 3 3 2 3 4 3 3" xfId="2018"/>
    <cellStyle name="標準 3 3 2 3 4 3 3 2" xfId="4970"/>
    <cellStyle name="標準 3 3 2 3 4 3 3 3" xfId="7922"/>
    <cellStyle name="標準 3 3 2 3 4 3 3_原油高騰等の影響業種" xfId="9780"/>
    <cellStyle name="標準 3 3 2 3 4 3 4" xfId="2756"/>
    <cellStyle name="標準 3 3 2 3 4 3 4 2" xfId="5708"/>
    <cellStyle name="標準 3 3 2 3 4 3 4 3" xfId="8660"/>
    <cellStyle name="標準 3 3 2 3 4 3 4_原油高騰等の影響業種" xfId="9781"/>
    <cellStyle name="標準 3 3 2 3 4 3 5" xfId="3494"/>
    <cellStyle name="標準 3 3 2 3 4 3 6" xfId="6446"/>
    <cellStyle name="標準 3 3 2 3 4 3_原油高騰等の影響業種" xfId="9778"/>
    <cellStyle name="標準 3 3 2 3 4 4" xfId="911"/>
    <cellStyle name="標準 3 3 2 3 4 4 2" xfId="3863"/>
    <cellStyle name="標準 3 3 2 3 4 4 3" xfId="6815"/>
    <cellStyle name="標準 3 3 2 3 4 4_原油高騰等の影響業種" xfId="9782"/>
    <cellStyle name="標準 3 3 2 3 4 5" xfId="1649"/>
    <cellStyle name="標準 3 3 2 3 4 5 2" xfId="4601"/>
    <cellStyle name="標準 3 3 2 3 4 5 3" xfId="7553"/>
    <cellStyle name="標準 3 3 2 3 4 5_原油高騰等の影響業種" xfId="9783"/>
    <cellStyle name="標準 3 3 2 3 4 6" xfId="2387"/>
    <cellStyle name="標準 3 3 2 3 4 6 2" xfId="5339"/>
    <cellStyle name="標準 3 3 2 3 4 6 3" xfId="8291"/>
    <cellStyle name="標準 3 3 2 3 4 6_原油高騰等の影響業種" xfId="9784"/>
    <cellStyle name="標準 3 3 2 3 4 7" xfId="3125"/>
    <cellStyle name="標準 3 3 2 3 4 8" xfId="6077"/>
    <cellStyle name="標準 3 3 2 3 4_原油高騰等の影響業種" xfId="9769"/>
    <cellStyle name="標準 3 3 2 3 5" xfId="214"/>
    <cellStyle name="標準 3 3 2 3 5 2" xfId="587"/>
    <cellStyle name="標準 3 3 2 3 5 2 2" xfId="1325"/>
    <cellStyle name="標準 3 3 2 3 5 2 2 2" xfId="4277"/>
    <cellStyle name="標準 3 3 2 3 5 2 2 3" xfId="7229"/>
    <cellStyle name="標準 3 3 2 3 5 2 2_原油高騰等の影響業種" xfId="9787"/>
    <cellStyle name="標準 3 3 2 3 5 2 3" xfId="2063"/>
    <cellStyle name="標準 3 3 2 3 5 2 3 2" xfId="5015"/>
    <cellStyle name="標準 3 3 2 3 5 2 3 3" xfId="7967"/>
    <cellStyle name="標準 3 3 2 3 5 2 3_原油高騰等の影響業種" xfId="9788"/>
    <cellStyle name="標準 3 3 2 3 5 2 4" xfId="2801"/>
    <cellStyle name="標準 3 3 2 3 5 2 4 2" xfId="5753"/>
    <cellStyle name="標準 3 3 2 3 5 2 4 3" xfId="8705"/>
    <cellStyle name="標準 3 3 2 3 5 2 4_原油高騰等の影響業種" xfId="9789"/>
    <cellStyle name="標準 3 3 2 3 5 2 5" xfId="3539"/>
    <cellStyle name="標準 3 3 2 3 5 2 6" xfId="6491"/>
    <cellStyle name="標準 3 3 2 3 5 2_原油高騰等の影響業種" xfId="9786"/>
    <cellStyle name="標準 3 3 2 3 5 3" xfId="956"/>
    <cellStyle name="標準 3 3 2 3 5 3 2" xfId="3908"/>
    <cellStyle name="標準 3 3 2 3 5 3 3" xfId="6860"/>
    <cellStyle name="標準 3 3 2 3 5 3_原油高騰等の影響業種" xfId="9790"/>
    <cellStyle name="標準 3 3 2 3 5 4" xfId="1694"/>
    <cellStyle name="標準 3 3 2 3 5 4 2" xfId="4646"/>
    <cellStyle name="標準 3 3 2 3 5 4 3" xfId="7598"/>
    <cellStyle name="標準 3 3 2 3 5 4_原油高騰等の影響業種" xfId="9791"/>
    <cellStyle name="標準 3 3 2 3 5 5" xfId="2432"/>
    <cellStyle name="標準 3 3 2 3 5 5 2" xfId="5384"/>
    <cellStyle name="標準 3 3 2 3 5 5 3" xfId="8336"/>
    <cellStyle name="標準 3 3 2 3 5 5_原油高騰等の影響業種" xfId="9792"/>
    <cellStyle name="標準 3 3 2 3 5 6" xfId="3170"/>
    <cellStyle name="標準 3 3 2 3 5 7" xfId="6122"/>
    <cellStyle name="標準 3 3 2 3 5_原油高騰等の影響業種" xfId="9785"/>
    <cellStyle name="標準 3 3 2 3 6" xfId="407"/>
    <cellStyle name="標準 3 3 2 3 6 2" xfId="1145"/>
    <cellStyle name="標準 3 3 2 3 6 2 2" xfId="4097"/>
    <cellStyle name="標準 3 3 2 3 6 2 3" xfId="7049"/>
    <cellStyle name="標準 3 3 2 3 6 2_原油高騰等の影響業種" xfId="9794"/>
    <cellStyle name="標準 3 3 2 3 6 3" xfId="1883"/>
    <cellStyle name="標準 3 3 2 3 6 3 2" xfId="4835"/>
    <cellStyle name="標準 3 3 2 3 6 3 3" xfId="7787"/>
    <cellStyle name="標準 3 3 2 3 6 3_原油高騰等の影響業種" xfId="9795"/>
    <cellStyle name="標準 3 3 2 3 6 4" xfId="2621"/>
    <cellStyle name="標準 3 3 2 3 6 4 2" xfId="5573"/>
    <cellStyle name="標準 3 3 2 3 6 4 3" xfId="8525"/>
    <cellStyle name="標準 3 3 2 3 6 4_原油高騰等の影響業種" xfId="9796"/>
    <cellStyle name="標準 3 3 2 3 6 5" xfId="3359"/>
    <cellStyle name="標準 3 3 2 3 6 6" xfId="6311"/>
    <cellStyle name="標準 3 3 2 3 6_原油高騰等の影響業種" xfId="9793"/>
    <cellStyle name="標準 3 3 2 3 7" xfId="776"/>
    <cellStyle name="標準 3 3 2 3 7 2" xfId="3728"/>
    <cellStyle name="標準 3 3 2 3 7 3" xfId="6680"/>
    <cellStyle name="標準 3 3 2 3 7_原油高騰等の影響業種" xfId="9797"/>
    <cellStyle name="標準 3 3 2 3 8" xfId="1514"/>
    <cellStyle name="標準 3 3 2 3 8 2" xfId="4466"/>
    <cellStyle name="標準 3 3 2 3 8 3" xfId="7418"/>
    <cellStyle name="標準 3 3 2 3 8_原油高騰等の影響業種" xfId="9798"/>
    <cellStyle name="標準 3 3 2 3 9" xfId="2252"/>
    <cellStyle name="標準 3 3 2 3 9 2" xfId="5204"/>
    <cellStyle name="標準 3 3 2 3 9 3" xfId="8156"/>
    <cellStyle name="標準 3 3 2 3 9_原油高騰等の影響業種" xfId="9799"/>
    <cellStyle name="標準 3 3 2 3_原油高騰等の影響業種" xfId="9736"/>
    <cellStyle name="標準 3 3 2 4" xfId="52"/>
    <cellStyle name="標準 3 3 2 4 10" xfId="3008"/>
    <cellStyle name="標準 3 3 2 4 11" xfId="5960"/>
    <cellStyle name="標準 3 3 2 4 2" xfId="97"/>
    <cellStyle name="標準 3 3 2 4 2 2" xfId="277"/>
    <cellStyle name="標準 3 3 2 4 2 2 2" xfId="650"/>
    <cellStyle name="標準 3 3 2 4 2 2 2 2" xfId="1388"/>
    <cellStyle name="標準 3 3 2 4 2 2 2 2 2" xfId="4340"/>
    <cellStyle name="標準 3 3 2 4 2 2 2 2 3" xfId="7292"/>
    <cellStyle name="標準 3 3 2 4 2 2 2 2_原油高騰等の影響業種" xfId="9804"/>
    <cellStyle name="標準 3 3 2 4 2 2 2 3" xfId="2126"/>
    <cellStyle name="標準 3 3 2 4 2 2 2 3 2" xfId="5078"/>
    <cellStyle name="標準 3 3 2 4 2 2 2 3 3" xfId="8030"/>
    <cellStyle name="標準 3 3 2 4 2 2 2 3_原油高騰等の影響業種" xfId="9805"/>
    <cellStyle name="標準 3 3 2 4 2 2 2 4" xfId="2864"/>
    <cellStyle name="標準 3 3 2 4 2 2 2 4 2" xfId="5816"/>
    <cellStyle name="標準 3 3 2 4 2 2 2 4 3" xfId="8768"/>
    <cellStyle name="標準 3 3 2 4 2 2 2 4_原油高騰等の影響業種" xfId="9806"/>
    <cellStyle name="標準 3 3 2 4 2 2 2 5" xfId="3602"/>
    <cellStyle name="標準 3 3 2 4 2 2 2 6" xfId="6554"/>
    <cellStyle name="標準 3 3 2 4 2 2 2_原油高騰等の影響業種" xfId="9803"/>
    <cellStyle name="標準 3 3 2 4 2 2 3" xfId="1019"/>
    <cellStyle name="標準 3 3 2 4 2 2 3 2" xfId="3971"/>
    <cellStyle name="標準 3 3 2 4 2 2 3 3" xfId="6923"/>
    <cellStyle name="標準 3 3 2 4 2 2 3_原油高騰等の影響業種" xfId="9807"/>
    <cellStyle name="標準 3 3 2 4 2 2 4" xfId="1757"/>
    <cellStyle name="標準 3 3 2 4 2 2 4 2" xfId="4709"/>
    <cellStyle name="標準 3 3 2 4 2 2 4 3" xfId="7661"/>
    <cellStyle name="標準 3 3 2 4 2 2 4_原油高騰等の影響業種" xfId="9808"/>
    <cellStyle name="標準 3 3 2 4 2 2 5" xfId="2495"/>
    <cellStyle name="標準 3 3 2 4 2 2 5 2" xfId="5447"/>
    <cellStyle name="標準 3 3 2 4 2 2 5 3" xfId="8399"/>
    <cellStyle name="標準 3 3 2 4 2 2 5_原油高騰等の影響業種" xfId="9809"/>
    <cellStyle name="標準 3 3 2 4 2 2 6" xfId="3233"/>
    <cellStyle name="標準 3 3 2 4 2 2 7" xfId="6185"/>
    <cellStyle name="標準 3 3 2 4 2 2_原油高騰等の影響業種" xfId="9802"/>
    <cellStyle name="標準 3 3 2 4 2 3" xfId="470"/>
    <cellStyle name="標準 3 3 2 4 2 3 2" xfId="1208"/>
    <cellStyle name="標準 3 3 2 4 2 3 2 2" xfId="4160"/>
    <cellStyle name="標準 3 3 2 4 2 3 2 3" xfId="7112"/>
    <cellStyle name="標準 3 3 2 4 2 3 2_原油高騰等の影響業種" xfId="9811"/>
    <cellStyle name="標準 3 3 2 4 2 3 3" xfId="1946"/>
    <cellStyle name="標準 3 3 2 4 2 3 3 2" xfId="4898"/>
    <cellStyle name="標準 3 3 2 4 2 3 3 3" xfId="7850"/>
    <cellStyle name="標準 3 3 2 4 2 3 3_原油高騰等の影響業種" xfId="9812"/>
    <cellStyle name="標準 3 3 2 4 2 3 4" xfId="2684"/>
    <cellStyle name="標準 3 3 2 4 2 3 4 2" xfId="5636"/>
    <cellStyle name="標準 3 3 2 4 2 3 4 3" xfId="8588"/>
    <cellStyle name="標準 3 3 2 4 2 3 4_原油高騰等の影響業種" xfId="9813"/>
    <cellStyle name="標準 3 3 2 4 2 3 5" xfId="3422"/>
    <cellStyle name="標準 3 3 2 4 2 3 6" xfId="6374"/>
    <cellStyle name="標準 3 3 2 4 2 3_原油高騰等の影響業種" xfId="9810"/>
    <cellStyle name="標準 3 3 2 4 2 4" xfId="839"/>
    <cellStyle name="標準 3 3 2 4 2 4 2" xfId="3791"/>
    <cellStyle name="標準 3 3 2 4 2 4 3" xfId="6743"/>
    <cellStyle name="標準 3 3 2 4 2 4_原油高騰等の影響業種" xfId="9814"/>
    <cellStyle name="標準 3 3 2 4 2 5" xfId="1577"/>
    <cellStyle name="標準 3 3 2 4 2 5 2" xfId="4529"/>
    <cellStyle name="標準 3 3 2 4 2 5 3" xfId="7481"/>
    <cellStyle name="標準 3 3 2 4 2 5_原油高騰等の影響業種" xfId="9815"/>
    <cellStyle name="標準 3 3 2 4 2 6" xfId="2315"/>
    <cellStyle name="標準 3 3 2 4 2 6 2" xfId="5267"/>
    <cellStyle name="標準 3 3 2 4 2 6 3" xfId="8219"/>
    <cellStyle name="標準 3 3 2 4 2 6_原油高騰等の影響業種" xfId="9816"/>
    <cellStyle name="標準 3 3 2 4 2 7" xfId="3053"/>
    <cellStyle name="標準 3 3 2 4 2 8" xfId="6005"/>
    <cellStyle name="標準 3 3 2 4 2_原油高騰等の影響業種" xfId="9801"/>
    <cellStyle name="標準 3 3 2 4 3" xfId="142"/>
    <cellStyle name="標準 3 3 2 4 3 2" xfId="322"/>
    <cellStyle name="標準 3 3 2 4 3 2 2" xfId="695"/>
    <cellStyle name="標準 3 3 2 4 3 2 2 2" xfId="1433"/>
    <cellStyle name="標準 3 3 2 4 3 2 2 2 2" xfId="4385"/>
    <cellStyle name="標準 3 3 2 4 3 2 2 2 3" xfId="7337"/>
    <cellStyle name="標準 3 3 2 4 3 2 2 2_原油高騰等の影響業種" xfId="9820"/>
    <cellStyle name="標準 3 3 2 4 3 2 2 3" xfId="2171"/>
    <cellStyle name="標準 3 3 2 4 3 2 2 3 2" xfId="5123"/>
    <cellStyle name="標準 3 3 2 4 3 2 2 3 3" xfId="8075"/>
    <cellStyle name="標準 3 3 2 4 3 2 2 3_原油高騰等の影響業種" xfId="9821"/>
    <cellStyle name="標準 3 3 2 4 3 2 2 4" xfId="2909"/>
    <cellStyle name="標準 3 3 2 4 3 2 2 4 2" xfId="5861"/>
    <cellStyle name="標準 3 3 2 4 3 2 2 4 3" xfId="8813"/>
    <cellStyle name="標準 3 3 2 4 3 2 2 4_原油高騰等の影響業種" xfId="9822"/>
    <cellStyle name="標準 3 3 2 4 3 2 2 5" xfId="3647"/>
    <cellStyle name="標準 3 3 2 4 3 2 2 6" xfId="6599"/>
    <cellStyle name="標準 3 3 2 4 3 2 2_原油高騰等の影響業種" xfId="9819"/>
    <cellStyle name="標準 3 3 2 4 3 2 3" xfId="1064"/>
    <cellStyle name="標準 3 3 2 4 3 2 3 2" xfId="4016"/>
    <cellStyle name="標準 3 3 2 4 3 2 3 3" xfId="6968"/>
    <cellStyle name="標準 3 3 2 4 3 2 3_原油高騰等の影響業種" xfId="9823"/>
    <cellStyle name="標準 3 3 2 4 3 2 4" xfId="1802"/>
    <cellStyle name="標準 3 3 2 4 3 2 4 2" xfId="4754"/>
    <cellStyle name="標準 3 3 2 4 3 2 4 3" xfId="7706"/>
    <cellStyle name="標準 3 3 2 4 3 2 4_原油高騰等の影響業種" xfId="9824"/>
    <cellStyle name="標準 3 3 2 4 3 2 5" xfId="2540"/>
    <cellStyle name="標準 3 3 2 4 3 2 5 2" xfId="5492"/>
    <cellStyle name="標準 3 3 2 4 3 2 5 3" xfId="8444"/>
    <cellStyle name="標準 3 3 2 4 3 2 5_原油高騰等の影響業種" xfId="9825"/>
    <cellStyle name="標準 3 3 2 4 3 2 6" xfId="3278"/>
    <cellStyle name="標準 3 3 2 4 3 2 7" xfId="6230"/>
    <cellStyle name="標準 3 3 2 4 3 2_原油高騰等の影響業種" xfId="9818"/>
    <cellStyle name="標準 3 3 2 4 3 3" xfId="515"/>
    <cellStyle name="標準 3 3 2 4 3 3 2" xfId="1253"/>
    <cellStyle name="標準 3 3 2 4 3 3 2 2" xfId="4205"/>
    <cellStyle name="標準 3 3 2 4 3 3 2 3" xfId="7157"/>
    <cellStyle name="標準 3 3 2 4 3 3 2_原油高騰等の影響業種" xfId="9827"/>
    <cellStyle name="標準 3 3 2 4 3 3 3" xfId="1991"/>
    <cellStyle name="標準 3 3 2 4 3 3 3 2" xfId="4943"/>
    <cellStyle name="標準 3 3 2 4 3 3 3 3" xfId="7895"/>
    <cellStyle name="標準 3 3 2 4 3 3 3_原油高騰等の影響業種" xfId="9828"/>
    <cellStyle name="標準 3 3 2 4 3 3 4" xfId="2729"/>
    <cellStyle name="標準 3 3 2 4 3 3 4 2" xfId="5681"/>
    <cellStyle name="標準 3 3 2 4 3 3 4 3" xfId="8633"/>
    <cellStyle name="標準 3 3 2 4 3 3 4_原油高騰等の影響業種" xfId="9829"/>
    <cellStyle name="標準 3 3 2 4 3 3 5" xfId="3467"/>
    <cellStyle name="標準 3 3 2 4 3 3 6" xfId="6419"/>
    <cellStyle name="標準 3 3 2 4 3 3_原油高騰等の影響業種" xfId="9826"/>
    <cellStyle name="標準 3 3 2 4 3 4" xfId="884"/>
    <cellStyle name="標準 3 3 2 4 3 4 2" xfId="3836"/>
    <cellStyle name="標準 3 3 2 4 3 4 3" xfId="6788"/>
    <cellStyle name="標準 3 3 2 4 3 4_原油高騰等の影響業種" xfId="9830"/>
    <cellStyle name="標準 3 3 2 4 3 5" xfId="1622"/>
    <cellStyle name="標準 3 3 2 4 3 5 2" xfId="4574"/>
    <cellStyle name="標準 3 3 2 4 3 5 3" xfId="7526"/>
    <cellStyle name="標準 3 3 2 4 3 5_原油高騰等の影響業種" xfId="9831"/>
    <cellStyle name="標準 3 3 2 4 3 6" xfId="2360"/>
    <cellStyle name="標準 3 3 2 4 3 6 2" xfId="5312"/>
    <cellStyle name="標準 3 3 2 4 3 6 3" xfId="8264"/>
    <cellStyle name="標準 3 3 2 4 3 6_原油高騰等の影響業種" xfId="9832"/>
    <cellStyle name="標準 3 3 2 4 3 7" xfId="3098"/>
    <cellStyle name="標準 3 3 2 4 3 8" xfId="6050"/>
    <cellStyle name="標準 3 3 2 4 3_原油高騰等の影響業種" xfId="9817"/>
    <cellStyle name="標準 3 3 2 4 4" xfId="187"/>
    <cellStyle name="標準 3 3 2 4 4 2" xfId="367"/>
    <cellStyle name="標準 3 3 2 4 4 2 2" xfId="740"/>
    <cellStyle name="標準 3 3 2 4 4 2 2 2" xfId="1478"/>
    <cellStyle name="標準 3 3 2 4 4 2 2 2 2" xfId="4430"/>
    <cellStyle name="標準 3 3 2 4 4 2 2 2 3" xfId="7382"/>
    <cellStyle name="標準 3 3 2 4 4 2 2 2_原油高騰等の影響業種" xfId="9836"/>
    <cellStyle name="標準 3 3 2 4 4 2 2 3" xfId="2216"/>
    <cellStyle name="標準 3 3 2 4 4 2 2 3 2" xfId="5168"/>
    <cellStyle name="標準 3 3 2 4 4 2 2 3 3" xfId="8120"/>
    <cellStyle name="標準 3 3 2 4 4 2 2 3_原油高騰等の影響業種" xfId="9837"/>
    <cellStyle name="標準 3 3 2 4 4 2 2 4" xfId="2954"/>
    <cellStyle name="標準 3 3 2 4 4 2 2 4 2" xfId="5906"/>
    <cellStyle name="標準 3 3 2 4 4 2 2 4 3" xfId="8858"/>
    <cellStyle name="標準 3 3 2 4 4 2 2 4_原油高騰等の影響業種" xfId="9838"/>
    <cellStyle name="標準 3 3 2 4 4 2 2 5" xfId="3692"/>
    <cellStyle name="標準 3 3 2 4 4 2 2 6" xfId="6644"/>
    <cellStyle name="標準 3 3 2 4 4 2 2_原油高騰等の影響業種" xfId="9835"/>
    <cellStyle name="標準 3 3 2 4 4 2 3" xfId="1109"/>
    <cellStyle name="標準 3 3 2 4 4 2 3 2" xfId="4061"/>
    <cellStyle name="標準 3 3 2 4 4 2 3 3" xfId="7013"/>
    <cellStyle name="標準 3 3 2 4 4 2 3_原油高騰等の影響業種" xfId="9839"/>
    <cellStyle name="標準 3 3 2 4 4 2 4" xfId="1847"/>
    <cellStyle name="標準 3 3 2 4 4 2 4 2" xfId="4799"/>
    <cellStyle name="標準 3 3 2 4 4 2 4 3" xfId="7751"/>
    <cellStyle name="標準 3 3 2 4 4 2 4_原油高騰等の影響業種" xfId="9840"/>
    <cellStyle name="標準 3 3 2 4 4 2 5" xfId="2585"/>
    <cellStyle name="標準 3 3 2 4 4 2 5 2" xfId="5537"/>
    <cellStyle name="標準 3 3 2 4 4 2 5 3" xfId="8489"/>
    <cellStyle name="標準 3 3 2 4 4 2 5_原油高騰等の影響業種" xfId="9841"/>
    <cellStyle name="標準 3 3 2 4 4 2 6" xfId="3323"/>
    <cellStyle name="標準 3 3 2 4 4 2 7" xfId="6275"/>
    <cellStyle name="標準 3 3 2 4 4 2_原油高騰等の影響業種" xfId="9834"/>
    <cellStyle name="標準 3 3 2 4 4 3" xfId="560"/>
    <cellStyle name="標準 3 3 2 4 4 3 2" xfId="1298"/>
    <cellStyle name="標準 3 3 2 4 4 3 2 2" xfId="4250"/>
    <cellStyle name="標準 3 3 2 4 4 3 2 3" xfId="7202"/>
    <cellStyle name="標準 3 3 2 4 4 3 2_原油高騰等の影響業種" xfId="9843"/>
    <cellStyle name="標準 3 3 2 4 4 3 3" xfId="2036"/>
    <cellStyle name="標準 3 3 2 4 4 3 3 2" xfId="4988"/>
    <cellStyle name="標準 3 3 2 4 4 3 3 3" xfId="7940"/>
    <cellStyle name="標準 3 3 2 4 4 3 3_原油高騰等の影響業種" xfId="9844"/>
    <cellStyle name="標準 3 3 2 4 4 3 4" xfId="2774"/>
    <cellStyle name="標準 3 3 2 4 4 3 4 2" xfId="5726"/>
    <cellStyle name="標準 3 3 2 4 4 3 4 3" xfId="8678"/>
    <cellStyle name="標準 3 3 2 4 4 3 4_原油高騰等の影響業種" xfId="9845"/>
    <cellStyle name="標準 3 3 2 4 4 3 5" xfId="3512"/>
    <cellStyle name="標準 3 3 2 4 4 3 6" xfId="6464"/>
    <cellStyle name="標準 3 3 2 4 4 3_原油高騰等の影響業種" xfId="9842"/>
    <cellStyle name="標準 3 3 2 4 4 4" xfId="929"/>
    <cellStyle name="標準 3 3 2 4 4 4 2" xfId="3881"/>
    <cellStyle name="標準 3 3 2 4 4 4 3" xfId="6833"/>
    <cellStyle name="標準 3 3 2 4 4 4_原油高騰等の影響業種" xfId="9846"/>
    <cellStyle name="標準 3 3 2 4 4 5" xfId="1667"/>
    <cellStyle name="標準 3 3 2 4 4 5 2" xfId="4619"/>
    <cellStyle name="標準 3 3 2 4 4 5 3" xfId="7571"/>
    <cellStyle name="標準 3 3 2 4 4 5_原油高騰等の影響業種" xfId="9847"/>
    <cellStyle name="標準 3 3 2 4 4 6" xfId="2405"/>
    <cellStyle name="標準 3 3 2 4 4 6 2" xfId="5357"/>
    <cellStyle name="標準 3 3 2 4 4 6 3" xfId="8309"/>
    <cellStyle name="標準 3 3 2 4 4 6_原油高騰等の影響業種" xfId="9848"/>
    <cellStyle name="標準 3 3 2 4 4 7" xfId="3143"/>
    <cellStyle name="標準 3 3 2 4 4 8" xfId="6095"/>
    <cellStyle name="標準 3 3 2 4 4_原油高騰等の影響業種" xfId="9833"/>
    <cellStyle name="標準 3 3 2 4 5" xfId="232"/>
    <cellStyle name="標準 3 3 2 4 5 2" xfId="605"/>
    <cellStyle name="標準 3 3 2 4 5 2 2" xfId="1343"/>
    <cellStyle name="標準 3 3 2 4 5 2 2 2" xfId="4295"/>
    <cellStyle name="標準 3 3 2 4 5 2 2 3" xfId="7247"/>
    <cellStyle name="標準 3 3 2 4 5 2 2_原油高騰等の影響業種" xfId="9851"/>
    <cellStyle name="標準 3 3 2 4 5 2 3" xfId="2081"/>
    <cellStyle name="標準 3 3 2 4 5 2 3 2" xfId="5033"/>
    <cellStyle name="標準 3 3 2 4 5 2 3 3" xfId="7985"/>
    <cellStyle name="標準 3 3 2 4 5 2 3_原油高騰等の影響業種" xfId="9852"/>
    <cellStyle name="標準 3 3 2 4 5 2 4" xfId="2819"/>
    <cellStyle name="標準 3 3 2 4 5 2 4 2" xfId="5771"/>
    <cellStyle name="標準 3 3 2 4 5 2 4 3" xfId="8723"/>
    <cellStyle name="標準 3 3 2 4 5 2 4_原油高騰等の影響業種" xfId="9853"/>
    <cellStyle name="標準 3 3 2 4 5 2 5" xfId="3557"/>
    <cellStyle name="標準 3 3 2 4 5 2 6" xfId="6509"/>
    <cellStyle name="標準 3 3 2 4 5 2_原油高騰等の影響業種" xfId="9850"/>
    <cellStyle name="標準 3 3 2 4 5 3" xfId="974"/>
    <cellStyle name="標準 3 3 2 4 5 3 2" xfId="3926"/>
    <cellStyle name="標準 3 3 2 4 5 3 3" xfId="6878"/>
    <cellStyle name="標準 3 3 2 4 5 3_原油高騰等の影響業種" xfId="9854"/>
    <cellStyle name="標準 3 3 2 4 5 4" xfId="1712"/>
    <cellStyle name="標準 3 3 2 4 5 4 2" xfId="4664"/>
    <cellStyle name="標準 3 3 2 4 5 4 3" xfId="7616"/>
    <cellStyle name="標準 3 3 2 4 5 4_原油高騰等の影響業種" xfId="9855"/>
    <cellStyle name="標準 3 3 2 4 5 5" xfId="2450"/>
    <cellStyle name="標準 3 3 2 4 5 5 2" xfId="5402"/>
    <cellStyle name="標準 3 3 2 4 5 5 3" xfId="8354"/>
    <cellStyle name="標準 3 3 2 4 5 5_原油高騰等の影響業種" xfId="9856"/>
    <cellStyle name="標準 3 3 2 4 5 6" xfId="3188"/>
    <cellStyle name="標準 3 3 2 4 5 7" xfId="6140"/>
    <cellStyle name="標準 3 3 2 4 5_原油高騰等の影響業種" xfId="9849"/>
    <cellStyle name="標準 3 3 2 4 6" xfId="425"/>
    <cellStyle name="標準 3 3 2 4 6 2" xfId="1163"/>
    <cellStyle name="標準 3 3 2 4 6 2 2" xfId="4115"/>
    <cellStyle name="標準 3 3 2 4 6 2 3" xfId="7067"/>
    <cellStyle name="標準 3 3 2 4 6 2_原油高騰等の影響業種" xfId="9858"/>
    <cellStyle name="標準 3 3 2 4 6 3" xfId="1901"/>
    <cellStyle name="標準 3 3 2 4 6 3 2" xfId="4853"/>
    <cellStyle name="標準 3 3 2 4 6 3 3" xfId="7805"/>
    <cellStyle name="標準 3 3 2 4 6 3_原油高騰等の影響業種" xfId="9859"/>
    <cellStyle name="標準 3 3 2 4 6 4" xfId="2639"/>
    <cellStyle name="標準 3 3 2 4 6 4 2" xfId="5591"/>
    <cellStyle name="標準 3 3 2 4 6 4 3" xfId="8543"/>
    <cellStyle name="標準 3 3 2 4 6 4_原油高騰等の影響業種" xfId="9860"/>
    <cellStyle name="標準 3 3 2 4 6 5" xfId="3377"/>
    <cellStyle name="標準 3 3 2 4 6 6" xfId="6329"/>
    <cellStyle name="標準 3 3 2 4 6_原油高騰等の影響業種" xfId="9857"/>
    <cellStyle name="標準 3 3 2 4 7" xfId="794"/>
    <cellStyle name="標準 3 3 2 4 7 2" xfId="3746"/>
    <cellStyle name="標準 3 3 2 4 7 3" xfId="6698"/>
    <cellStyle name="標準 3 3 2 4 7_原油高騰等の影響業種" xfId="9861"/>
    <cellStyle name="標準 3 3 2 4 8" xfId="1532"/>
    <cellStyle name="標準 3 3 2 4 8 2" xfId="4484"/>
    <cellStyle name="標準 3 3 2 4 8 3" xfId="7436"/>
    <cellStyle name="標準 3 3 2 4 8_原油高騰等の影響業種" xfId="9862"/>
    <cellStyle name="標準 3 3 2 4 9" xfId="2270"/>
    <cellStyle name="標準 3 3 2 4 9 2" xfId="5222"/>
    <cellStyle name="標準 3 3 2 4 9 3" xfId="8174"/>
    <cellStyle name="標準 3 3 2 4 9_原油高騰等の影響業種" xfId="9863"/>
    <cellStyle name="標準 3 3 2 4_原油高騰等の影響業種" xfId="9800"/>
    <cellStyle name="標準 3 3 2 5" xfId="61"/>
    <cellStyle name="標準 3 3 2 5 2" xfId="241"/>
    <cellStyle name="標準 3 3 2 5 2 2" xfId="614"/>
    <cellStyle name="標準 3 3 2 5 2 2 2" xfId="1352"/>
    <cellStyle name="標準 3 3 2 5 2 2 2 2" xfId="4304"/>
    <cellStyle name="標準 3 3 2 5 2 2 2 3" xfId="7256"/>
    <cellStyle name="標準 3 3 2 5 2 2 2_原油高騰等の影響業種" xfId="9867"/>
    <cellStyle name="標準 3 3 2 5 2 2 3" xfId="2090"/>
    <cellStyle name="標準 3 3 2 5 2 2 3 2" xfId="5042"/>
    <cellStyle name="標準 3 3 2 5 2 2 3 3" xfId="7994"/>
    <cellStyle name="標準 3 3 2 5 2 2 3_原油高騰等の影響業種" xfId="9868"/>
    <cellStyle name="標準 3 3 2 5 2 2 4" xfId="2828"/>
    <cellStyle name="標準 3 3 2 5 2 2 4 2" xfId="5780"/>
    <cellStyle name="標準 3 3 2 5 2 2 4 3" xfId="8732"/>
    <cellStyle name="標準 3 3 2 5 2 2 4_原油高騰等の影響業種" xfId="9869"/>
    <cellStyle name="標準 3 3 2 5 2 2 5" xfId="3566"/>
    <cellStyle name="標準 3 3 2 5 2 2 6" xfId="6518"/>
    <cellStyle name="標準 3 3 2 5 2 2_原油高騰等の影響業種" xfId="9866"/>
    <cellStyle name="標準 3 3 2 5 2 3" xfId="983"/>
    <cellStyle name="標準 3 3 2 5 2 3 2" xfId="3935"/>
    <cellStyle name="標準 3 3 2 5 2 3 3" xfId="6887"/>
    <cellStyle name="標準 3 3 2 5 2 3_原油高騰等の影響業種" xfId="9870"/>
    <cellStyle name="標準 3 3 2 5 2 4" xfId="1721"/>
    <cellStyle name="標準 3 3 2 5 2 4 2" xfId="4673"/>
    <cellStyle name="標準 3 3 2 5 2 4 3" xfId="7625"/>
    <cellStyle name="標準 3 3 2 5 2 4_原油高騰等の影響業種" xfId="9871"/>
    <cellStyle name="標準 3 3 2 5 2 5" xfId="2459"/>
    <cellStyle name="標準 3 3 2 5 2 5 2" xfId="5411"/>
    <cellStyle name="標準 3 3 2 5 2 5 3" xfId="8363"/>
    <cellStyle name="標準 3 3 2 5 2 5_原油高騰等の影響業種" xfId="9872"/>
    <cellStyle name="標準 3 3 2 5 2 6" xfId="3197"/>
    <cellStyle name="標準 3 3 2 5 2 7" xfId="6149"/>
    <cellStyle name="標準 3 3 2 5 2_原油高騰等の影響業種" xfId="9865"/>
    <cellStyle name="標準 3 3 2 5 3" xfId="434"/>
    <cellStyle name="標準 3 3 2 5 3 2" xfId="1172"/>
    <cellStyle name="標準 3 3 2 5 3 2 2" xfId="4124"/>
    <cellStyle name="標準 3 3 2 5 3 2 3" xfId="7076"/>
    <cellStyle name="標準 3 3 2 5 3 2_原油高騰等の影響業種" xfId="9874"/>
    <cellStyle name="標準 3 3 2 5 3 3" xfId="1910"/>
    <cellStyle name="標準 3 3 2 5 3 3 2" xfId="4862"/>
    <cellStyle name="標準 3 3 2 5 3 3 3" xfId="7814"/>
    <cellStyle name="標準 3 3 2 5 3 3_原油高騰等の影響業種" xfId="9875"/>
    <cellStyle name="標準 3 3 2 5 3 4" xfId="2648"/>
    <cellStyle name="標準 3 3 2 5 3 4 2" xfId="5600"/>
    <cellStyle name="標準 3 3 2 5 3 4 3" xfId="8552"/>
    <cellStyle name="標準 3 3 2 5 3 4_原油高騰等の影響業種" xfId="9876"/>
    <cellStyle name="標準 3 3 2 5 3 5" xfId="3386"/>
    <cellStyle name="標準 3 3 2 5 3 6" xfId="6338"/>
    <cellStyle name="標準 3 3 2 5 3_原油高騰等の影響業種" xfId="9873"/>
    <cellStyle name="標準 3 3 2 5 4" xfId="803"/>
    <cellStyle name="標準 3 3 2 5 4 2" xfId="3755"/>
    <cellStyle name="標準 3 3 2 5 4 3" xfId="6707"/>
    <cellStyle name="標準 3 3 2 5 4_原油高騰等の影響業種" xfId="9877"/>
    <cellStyle name="標準 3 3 2 5 5" xfId="1541"/>
    <cellStyle name="標準 3 3 2 5 5 2" xfId="4493"/>
    <cellStyle name="標準 3 3 2 5 5 3" xfId="7445"/>
    <cellStyle name="標準 3 3 2 5 5_原油高騰等の影響業種" xfId="9878"/>
    <cellStyle name="標準 3 3 2 5 6" xfId="2279"/>
    <cellStyle name="標準 3 3 2 5 6 2" xfId="5231"/>
    <cellStyle name="標準 3 3 2 5 6 3" xfId="8183"/>
    <cellStyle name="標準 3 3 2 5 6_原油高騰等の影響業種" xfId="9879"/>
    <cellStyle name="標準 3 3 2 5 7" xfId="3017"/>
    <cellStyle name="標準 3 3 2 5 8" xfId="5969"/>
    <cellStyle name="標準 3 3 2 5_原油高騰等の影響業種" xfId="9864"/>
    <cellStyle name="標準 3 3 2 6" xfId="106"/>
    <cellStyle name="標準 3 3 2 6 2" xfId="286"/>
    <cellStyle name="標準 3 3 2 6 2 2" xfId="659"/>
    <cellStyle name="標準 3 3 2 6 2 2 2" xfId="1397"/>
    <cellStyle name="標準 3 3 2 6 2 2 2 2" xfId="4349"/>
    <cellStyle name="標準 3 3 2 6 2 2 2 3" xfId="7301"/>
    <cellStyle name="標準 3 3 2 6 2 2 2_原油高騰等の影響業種" xfId="9883"/>
    <cellStyle name="標準 3 3 2 6 2 2 3" xfId="2135"/>
    <cellStyle name="標準 3 3 2 6 2 2 3 2" xfId="5087"/>
    <cellStyle name="標準 3 3 2 6 2 2 3 3" xfId="8039"/>
    <cellStyle name="標準 3 3 2 6 2 2 3_原油高騰等の影響業種" xfId="9884"/>
    <cellStyle name="標準 3 3 2 6 2 2 4" xfId="2873"/>
    <cellStyle name="標準 3 3 2 6 2 2 4 2" xfId="5825"/>
    <cellStyle name="標準 3 3 2 6 2 2 4 3" xfId="8777"/>
    <cellStyle name="標準 3 3 2 6 2 2 4_原油高騰等の影響業種" xfId="9885"/>
    <cellStyle name="標準 3 3 2 6 2 2 5" xfId="3611"/>
    <cellStyle name="標準 3 3 2 6 2 2 6" xfId="6563"/>
    <cellStyle name="標準 3 3 2 6 2 2_原油高騰等の影響業種" xfId="9882"/>
    <cellStyle name="標準 3 3 2 6 2 3" xfId="1028"/>
    <cellStyle name="標準 3 3 2 6 2 3 2" xfId="3980"/>
    <cellStyle name="標準 3 3 2 6 2 3 3" xfId="6932"/>
    <cellStyle name="標準 3 3 2 6 2 3_原油高騰等の影響業種" xfId="9886"/>
    <cellStyle name="標準 3 3 2 6 2 4" xfId="1766"/>
    <cellStyle name="標準 3 3 2 6 2 4 2" xfId="4718"/>
    <cellStyle name="標準 3 3 2 6 2 4 3" xfId="7670"/>
    <cellStyle name="標準 3 3 2 6 2 4_原油高騰等の影響業種" xfId="9887"/>
    <cellStyle name="標準 3 3 2 6 2 5" xfId="2504"/>
    <cellStyle name="標準 3 3 2 6 2 5 2" xfId="5456"/>
    <cellStyle name="標準 3 3 2 6 2 5 3" xfId="8408"/>
    <cellStyle name="標準 3 3 2 6 2 5_原油高騰等の影響業種" xfId="9888"/>
    <cellStyle name="標準 3 3 2 6 2 6" xfId="3242"/>
    <cellStyle name="標準 3 3 2 6 2 7" xfId="6194"/>
    <cellStyle name="標準 3 3 2 6 2_原油高騰等の影響業種" xfId="9881"/>
    <cellStyle name="標準 3 3 2 6 3" xfId="479"/>
    <cellStyle name="標準 3 3 2 6 3 2" xfId="1217"/>
    <cellStyle name="標準 3 3 2 6 3 2 2" xfId="4169"/>
    <cellStyle name="標準 3 3 2 6 3 2 3" xfId="7121"/>
    <cellStyle name="標準 3 3 2 6 3 2_原油高騰等の影響業種" xfId="9890"/>
    <cellStyle name="標準 3 3 2 6 3 3" xfId="1955"/>
    <cellStyle name="標準 3 3 2 6 3 3 2" xfId="4907"/>
    <cellStyle name="標準 3 3 2 6 3 3 3" xfId="7859"/>
    <cellStyle name="標準 3 3 2 6 3 3_原油高騰等の影響業種" xfId="9891"/>
    <cellStyle name="標準 3 3 2 6 3 4" xfId="2693"/>
    <cellStyle name="標準 3 3 2 6 3 4 2" xfId="5645"/>
    <cellStyle name="標準 3 3 2 6 3 4 3" xfId="8597"/>
    <cellStyle name="標準 3 3 2 6 3 4_原油高騰等の影響業種" xfId="9892"/>
    <cellStyle name="標準 3 3 2 6 3 5" xfId="3431"/>
    <cellStyle name="標準 3 3 2 6 3 6" xfId="6383"/>
    <cellStyle name="標準 3 3 2 6 3_原油高騰等の影響業種" xfId="9889"/>
    <cellStyle name="標準 3 3 2 6 4" xfId="848"/>
    <cellStyle name="標準 3 3 2 6 4 2" xfId="3800"/>
    <cellStyle name="標準 3 3 2 6 4 3" xfId="6752"/>
    <cellStyle name="標準 3 3 2 6 4_原油高騰等の影響業種" xfId="9893"/>
    <cellStyle name="標準 3 3 2 6 5" xfId="1586"/>
    <cellStyle name="標準 3 3 2 6 5 2" xfId="4538"/>
    <cellStyle name="標準 3 3 2 6 5 3" xfId="7490"/>
    <cellStyle name="標準 3 3 2 6 5_原油高騰等の影響業種" xfId="9894"/>
    <cellStyle name="標準 3 3 2 6 6" xfId="2324"/>
    <cellStyle name="標準 3 3 2 6 6 2" xfId="5276"/>
    <cellStyle name="標準 3 3 2 6 6 3" xfId="8228"/>
    <cellStyle name="標準 3 3 2 6 6_原油高騰等の影響業種" xfId="9895"/>
    <cellStyle name="標準 3 3 2 6 7" xfId="3062"/>
    <cellStyle name="標準 3 3 2 6 8" xfId="6014"/>
    <cellStyle name="標準 3 3 2 6_原油高騰等の影響業種" xfId="9880"/>
    <cellStyle name="標準 3 3 2 7" xfId="151"/>
    <cellStyle name="標準 3 3 2 7 2" xfId="331"/>
    <cellStyle name="標準 3 3 2 7 2 2" xfId="704"/>
    <cellStyle name="標準 3 3 2 7 2 2 2" xfId="1442"/>
    <cellStyle name="標準 3 3 2 7 2 2 2 2" xfId="4394"/>
    <cellStyle name="標準 3 3 2 7 2 2 2 3" xfId="7346"/>
    <cellStyle name="標準 3 3 2 7 2 2 2_原油高騰等の影響業種" xfId="9899"/>
    <cellStyle name="標準 3 3 2 7 2 2 3" xfId="2180"/>
    <cellStyle name="標準 3 3 2 7 2 2 3 2" xfId="5132"/>
    <cellStyle name="標準 3 3 2 7 2 2 3 3" xfId="8084"/>
    <cellStyle name="標準 3 3 2 7 2 2 3_原油高騰等の影響業種" xfId="9900"/>
    <cellStyle name="標準 3 3 2 7 2 2 4" xfId="2918"/>
    <cellStyle name="標準 3 3 2 7 2 2 4 2" xfId="5870"/>
    <cellStyle name="標準 3 3 2 7 2 2 4 3" xfId="8822"/>
    <cellStyle name="標準 3 3 2 7 2 2 4_原油高騰等の影響業種" xfId="9901"/>
    <cellStyle name="標準 3 3 2 7 2 2 5" xfId="3656"/>
    <cellStyle name="標準 3 3 2 7 2 2 6" xfId="6608"/>
    <cellStyle name="標準 3 3 2 7 2 2_原油高騰等の影響業種" xfId="9898"/>
    <cellStyle name="標準 3 3 2 7 2 3" xfId="1073"/>
    <cellStyle name="標準 3 3 2 7 2 3 2" xfId="4025"/>
    <cellStyle name="標準 3 3 2 7 2 3 3" xfId="6977"/>
    <cellStyle name="標準 3 3 2 7 2 3_原油高騰等の影響業種" xfId="9902"/>
    <cellStyle name="標準 3 3 2 7 2 4" xfId="1811"/>
    <cellStyle name="標準 3 3 2 7 2 4 2" xfId="4763"/>
    <cellStyle name="標準 3 3 2 7 2 4 3" xfId="7715"/>
    <cellStyle name="標準 3 3 2 7 2 4_原油高騰等の影響業種" xfId="9903"/>
    <cellStyle name="標準 3 3 2 7 2 5" xfId="2549"/>
    <cellStyle name="標準 3 3 2 7 2 5 2" xfId="5501"/>
    <cellStyle name="標準 3 3 2 7 2 5 3" xfId="8453"/>
    <cellStyle name="標準 3 3 2 7 2 5_原油高騰等の影響業種" xfId="9904"/>
    <cellStyle name="標準 3 3 2 7 2 6" xfId="3287"/>
    <cellStyle name="標準 3 3 2 7 2 7" xfId="6239"/>
    <cellStyle name="標準 3 3 2 7 2_原油高騰等の影響業種" xfId="9897"/>
    <cellStyle name="標準 3 3 2 7 3" xfId="524"/>
    <cellStyle name="標準 3 3 2 7 3 2" xfId="1262"/>
    <cellStyle name="標準 3 3 2 7 3 2 2" xfId="4214"/>
    <cellStyle name="標準 3 3 2 7 3 2 3" xfId="7166"/>
    <cellStyle name="標準 3 3 2 7 3 2_原油高騰等の影響業種" xfId="9906"/>
    <cellStyle name="標準 3 3 2 7 3 3" xfId="2000"/>
    <cellStyle name="標準 3 3 2 7 3 3 2" xfId="4952"/>
    <cellStyle name="標準 3 3 2 7 3 3 3" xfId="7904"/>
    <cellStyle name="標準 3 3 2 7 3 3_原油高騰等の影響業種" xfId="9907"/>
    <cellStyle name="標準 3 3 2 7 3 4" xfId="2738"/>
    <cellStyle name="標準 3 3 2 7 3 4 2" xfId="5690"/>
    <cellStyle name="標準 3 3 2 7 3 4 3" xfId="8642"/>
    <cellStyle name="標準 3 3 2 7 3 4_原油高騰等の影響業種" xfId="9908"/>
    <cellStyle name="標準 3 3 2 7 3 5" xfId="3476"/>
    <cellStyle name="標準 3 3 2 7 3 6" xfId="6428"/>
    <cellStyle name="標準 3 3 2 7 3_原油高騰等の影響業種" xfId="9905"/>
    <cellStyle name="標準 3 3 2 7 4" xfId="893"/>
    <cellStyle name="標準 3 3 2 7 4 2" xfId="3845"/>
    <cellStyle name="標準 3 3 2 7 4 3" xfId="6797"/>
    <cellStyle name="標準 3 3 2 7 4_原油高騰等の影響業種" xfId="9909"/>
    <cellStyle name="標準 3 3 2 7 5" xfId="1631"/>
    <cellStyle name="標準 3 3 2 7 5 2" xfId="4583"/>
    <cellStyle name="標準 3 3 2 7 5 3" xfId="7535"/>
    <cellStyle name="標準 3 3 2 7 5_原油高騰等の影響業種" xfId="9910"/>
    <cellStyle name="標準 3 3 2 7 6" xfId="2369"/>
    <cellStyle name="標準 3 3 2 7 6 2" xfId="5321"/>
    <cellStyle name="標準 3 3 2 7 6 3" xfId="8273"/>
    <cellStyle name="標準 3 3 2 7 6_原油高騰等の影響業種" xfId="9911"/>
    <cellStyle name="標準 3 3 2 7 7" xfId="3107"/>
    <cellStyle name="標準 3 3 2 7 8" xfId="6059"/>
    <cellStyle name="標準 3 3 2 7_原油高騰等の影響業種" xfId="9896"/>
    <cellStyle name="標準 3 3 2 8" xfId="196"/>
    <cellStyle name="標準 3 3 2 8 2" xfId="569"/>
    <cellStyle name="標準 3 3 2 8 2 2" xfId="1307"/>
    <cellStyle name="標準 3 3 2 8 2 2 2" xfId="4259"/>
    <cellStyle name="標準 3 3 2 8 2 2 3" xfId="7211"/>
    <cellStyle name="標準 3 3 2 8 2 2_原油高騰等の影響業種" xfId="9914"/>
    <cellStyle name="標準 3 3 2 8 2 3" xfId="2045"/>
    <cellStyle name="標準 3 3 2 8 2 3 2" xfId="4997"/>
    <cellStyle name="標準 3 3 2 8 2 3 3" xfId="7949"/>
    <cellStyle name="標準 3 3 2 8 2 3_原油高騰等の影響業種" xfId="9915"/>
    <cellStyle name="標準 3 3 2 8 2 4" xfId="2783"/>
    <cellStyle name="標準 3 3 2 8 2 4 2" xfId="5735"/>
    <cellStyle name="標準 3 3 2 8 2 4 3" xfId="8687"/>
    <cellStyle name="標準 3 3 2 8 2 4_原油高騰等の影響業種" xfId="9916"/>
    <cellStyle name="標準 3 3 2 8 2 5" xfId="3521"/>
    <cellStyle name="標準 3 3 2 8 2 6" xfId="6473"/>
    <cellStyle name="標準 3 3 2 8 2_原油高騰等の影響業種" xfId="9913"/>
    <cellStyle name="標準 3 3 2 8 3" xfId="938"/>
    <cellStyle name="標準 3 3 2 8 3 2" xfId="3890"/>
    <cellStyle name="標準 3 3 2 8 3 3" xfId="6842"/>
    <cellStyle name="標準 3 3 2 8 3_原油高騰等の影響業種" xfId="9917"/>
    <cellStyle name="標準 3 3 2 8 4" xfId="1676"/>
    <cellStyle name="標準 3 3 2 8 4 2" xfId="4628"/>
    <cellStyle name="標準 3 3 2 8 4 3" xfId="7580"/>
    <cellStyle name="標準 3 3 2 8 4_原油高騰等の影響業種" xfId="9918"/>
    <cellStyle name="標準 3 3 2 8 5" xfId="2414"/>
    <cellStyle name="標準 3 3 2 8 5 2" xfId="5366"/>
    <cellStyle name="標準 3 3 2 8 5 3" xfId="8318"/>
    <cellStyle name="標準 3 3 2 8 5_原油高騰等の影響業種" xfId="9919"/>
    <cellStyle name="標準 3 3 2 8 6" xfId="3152"/>
    <cellStyle name="標準 3 3 2 8 7" xfId="6104"/>
    <cellStyle name="標準 3 3 2 8_原油高騰等の影響業種" xfId="9912"/>
    <cellStyle name="標準 3 3 2 9" xfId="389"/>
    <cellStyle name="標準 3 3 2 9 2" xfId="1127"/>
    <cellStyle name="標準 3 3 2 9 2 2" xfId="4079"/>
    <cellStyle name="標準 3 3 2 9 2 3" xfId="7031"/>
    <cellStyle name="標準 3 3 2 9 2_原油高騰等の影響業種" xfId="9921"/>
    <cellStyle name="標準 3 3 2 9 3" xfId="1865"/>
    <cellStyle name="標準 3 3 2 9 3 2" xfId="4817"/>
    <cellStyle name="標準 3 3 2 9 3 3" xfId="7769"/>
    <cellStyle name="標準 3 3 2 9 3_原油高騰等の影響業種" xfId="9922"/>
    <cellStyle name="標準 3 3 2 9 4" xfId="2603"/>
    <cellStyle name="標準 3 3 2 9 4 2" xfId="5555"/>
    <cellStyle name="標準 3 3 2 9 4 3" xfId="8507"/>
    <cellStyle name="標準 3 3 2 9 4_原油高騰等の影響業種" xfId="9923"/>
    <cellStyle name="標準 3 3 2 9 5" xfId="3341"/>
    <cellStyle name="標準 3 3 2 9 6" xfId="6293"/>
    <cellStyle name="標準 3 3 2 9_原油高騰等の影響業種" xfId="9920"/>
    <cellStyle name="標準 3 3 2_原油高騰等の影響業種" xfId="9604"/>
    <cellStyle name="標準 3 3 3" xfId="24"/>
    <cellStyle name="標準 3 3 3 10" xfId="2242"/>
    <cellStyle name="標準 3 3 3 10 2" xfId="5194"/>
    <cellStyle name="標準 3 3 3 10 3" xfId="8146"/>
    <cellStyle name="標準 3 3 3 10_原油高騰等の影響業種" xfId="9925"/>
    <cellStyle name="標準 3 3 3 11" xfId="2980"/>
    <cellStyle name="標準 3 3 3 12" xfId="5932"/>
    <cellStyle name="標準 3 3 3 2" xfId="42"/>
    <cellStyle name="標準 3 3 3 2 10" xfId="2998"/>
    <cellStyle name="標準 3 3 3 2 11" xfId="5950"/>
    <cellStyle name="標準 3 3 3 2 2" xfId="87"/>
    <cellStyle name="標準 3 3 3 2 2 2" xfId="267"/>
    <cellStyle name="標準 3 3 3 2 2 2 2" xfId="640"/>
    <cellStyle name="標準 3 3 3 2 2 2 2 2" xfId="1378"/>
    <cellStyle name="標準 3 3 3 2 2 2 2 2 2" xfId="4330"/>
    <cellStyle name="標準 3 3 3 2 2 2 2 2 3" xfId="7282"/>
    <cellStyle name="標準 3 3 3 2 2 2 2 2_原油高騰等の影響業種" xfId="9930"/>
    <cellStyle name="標準 3 3 3 2 2 2 2 3" xfId="2116"/>
    <cellStyle name="標準 3 3 3 2 2 2 2 3 2" xfId="5068"/>
    <cellStyle name="標準 3 3 3 2 2 2 2 3 3" xfId="8020"/>
    <cellStyle name="標準 3 3 3 2 2 2 2 3_原油高騰等の影響業種" xfId="9931"/>
    <cellStyle name="標準 3 3 3 2 2 2 2 4" xfId="2854"/>
    <cellStyle name="標準 3 3 3 2 2 2 2 4 2" xfId="5806"/>
    <cellStyle name="標準 3 3 3 2 2 2 2 4 3" xfId="8758"/>
    <cellStyle name="標準 3 3 3 2 2 2 2 4_原油高騰等の影響業種" xfId="9932"/>
    <cellStyle name="標準 3 3 3 2 2 2 2 5" xfId="3592"/>
    <cellStyle name="標準 3 3 3 2 2 2 2 6" xfId="6544"/>
    <cellStyle name="標準 3 3 3 2 2 2 2_原油高騰等の影響業種" xfId="9929"/>
    <cellStyle name="標準 3 3 3 2 2 2 3" xfId="1009"/>
    <cellStyle name="標準 3 3 3 2 2 2 3 2" xfId="3961"/>
    <cellStyle name="標準 3 3 3 2 2 2 3 3" xfId="6913"/>
    <cellStyle name="標準 3 3 3 2 2 2 3_原油高騰等の影響業種" xfId="9933"/>
    <cellStyle name="標準 3 3 3 2 2 2 4" xfId="1747"/>
    <cellStyle name="標準 3 3 3 2 2 2 4 2" xfId="4699"/>
    <cellStyle name="標準 3 3 3 2 2 2 4 3" xfId="7651"/>
    <cellStyle name="標準 3 3 3 2 2 2 4_原油高騰等の影響業種" xfId="9934"/>
    <cellStyle name="標準 3 3 3 2 2 2 5" xfId="2485"/>
    <cellStyle name="標準 3 3 3 2 2 2 5 2" xfId="5437"/>
    <cellStyle name="標準 3 3 3 2 2 2 5 3" xfId="8389"/>
    <cellStyle name="標準 3 3 3 2 2 2 5_原油高騰等の影響業種" xfId="9935"/>
    <cellStyle name="標準 3 3 3 2 2 2 6" xfId="3223"/>
    <cellStyle name="標準 3 3 3 2 2 2 7" xfId="6175"/>
    <cellStyle name="標準 3 3 3 2 2 2_原油高騰等の影響業種" xfId="9928"/>
    <cellStyle name="標準 3 3 3 2 2 3" xfId="460"/>
    <cellStyle name="標準 3 3 3 2 2 3 2" xfId="1198"/>
    <cellStyle name="標準 3 3 3 2 2 3 2 2" xfId="4150"/>
    <cellStyle name="標準 3 3 3 2 2 3 2 3" xfId="7102"/>
    <cellStyle name="標準 3 3 3 2 2 3 2_原油高騰等の影響業種" xfId="9937"/>
    <cellStyle name="標準 3 3 3 2 2 3 3" xfId="1936"/>
    <cellStyle name="標準 3 3 3 2 2 3 3 2" xfId="4888"/>
    <cellStyle name="標準 3 3 3 2 2 3 3 3" xfId="7840"/>
    <cellStyle name="標準 3 3 3 2 2 3 3_原油高騰等の影響業種" xfId="9938"/>
    <cellStyle name="標準 3 3 3 2 2 3 4" xfId="2674"/>
    <cellStyle name="標準 3 3 3 2 2 3 4 2" xfId="5626"/>
    <cellStyle name="標準 3 3 3 2 2 3 4 3" xfId="8578"/>
    <cellStyle name="標準 3 3 3 2 2 3 4_原油高騰等の影響業種" xfId="9939"/>
    <cellStyle name="標準 3 3 3 2 2 3 5" xfId="3412"/>
    <cellStyle name="標準 3 3 3 2 2 3 6" xfId="6364"/>
    <cellStyle name="標準 3 3 3 2 2 3_原油高騰等の影響業種" xfId="9936"/>
    <cellStyle name="標準 3 3 3 2 2 4" xfId="829"/>
    <cellStyle name="標準 3 3 3 2 2 4 2" xfId="3781"/>
    <cellStyle name="標準 3 3 3 2 2 4 3" xfId="6733"/>
    <cellStyle name="標準 3 3 3 2 2 4_原油高騰等の影響業種" xfId="9940"/>
    <cellStyle name="標準 3 3 3 2 2 5" xfId="1567"/>
    <cellStyle name="標準 3 3 3 2 2 5 2" xfId="4519"/>
    <cellStyle name="標準 3 3 3 2 2 5 3" xfId="7471"/>
    <cellStyle name="標準 3 3 3 2 2 5_原油高騰等の影響業種" xfId="9941"/>
    <cellStyle name="標準 3 3 3 2 2 6" xfId="2305"/>
    <cellStyle name="標準 3 3 3 2 2 6 2" xfId="5257"/>
    <cellStyle name="標準 3 3 3 2 2 6 3" xfId="8209"/>
    <cellStyle name="標準 3 3 3 2 2 6_原油高騰等の影響業種" xfId="9942"/>
    <cellStyle name="標準 3 3 3 2 2 7" xfId="3043"/>
    <cellStyle name="標準 3 3 3 2 2 8" xfId="5995"/>
    <cellStyle name="標準 3 3 3 2 2_原油高騰等の影響業種" xfId="9927"/>
    <cellStyle name="標準 3 3 3 2 3" xfId="132"/>
    <cellStyle name="標準 3 3 3 2 3 2" xfId="312"/>
    <cellStyle name="標準 3 3 3 2 3 2 2" xfId="685"/>
    <cellStyle name="標準 3 3 3 2 3 2 2 2" xfId="1423"/>
    <cellStyle name="標準 3 3 3 2 3 2 2 2 2" xfId="4375"/>
    <cellStyle name="標準 3 3 3 2 3 2 2 2 3" xfId="7327"/>
    <cellStyle name="標準 3 3 3 2 3 2 2 2_原油高騰等の影響業種" xfId="9946"/>
    <cellStyle name="標準 3 3 3 2 3 2 2 3" xfId="2161"/>
    <cellStyle name="標準 3 3 3 2 3 2 2 3 2" xfId="5113"/>
    <cellStyle name="標準 3 3 3 2 3 2 2 3 3" xfId="8065"/>
    <cellStyle name="標準 3 3 3 2 3 2 2 3_原油高騰等の影響業種" xfId="9947"/>
    <cellStyle name="標準 3 3 3 2 3 2 2 4" xfId="2899"/>
    <cellStyle name="標準 3 3 3 2 3 2 2 4 2" xfId="5851"/>
    <cellStyle name="標準 3 3 3 2 3 2 2 4 3" xfId="8803"/>
    <cellStyle name="標準 3 3 3 2 3 2 2 4_原油高騰等の影響業種" xfId="9948"/>
    <cellStyle name="標準 3 3 3 2 3 2 2 5" xfId="3637"/>
    <cellStyle name="標準 3 3 3 2 3 2 2 6" xfId="6589"/>
    <cellStyle name="標準 3 3 3 2 3 2 2_原油高騰等の影響業種" xfId="9945"/>
    <cellStyle name="標準 3 3 3 2 3 2 3" xfId="1054"/>
    <cellStyle name="標準 3 3 3 2 3 2 3 2" xfId="4006"/>
    <cellStyle name="標準 3 3 3 2 3 2 3 3" xfId="6958"/>
    <cellStyle name="標準 3 3 3 2 3 2 3_原油高騰等の影響業種" xfId="9949"/>
    <cellStyle name="標準 3 3 3 2 3 2 4" xfId="1792"/>
    <cellStyle name="標準 3 3 3 2 3 2 4 2" xfId="4744"/>
    <cellStyle name="標準 3 3 3 2 3 2 4 3" xfId="7696"/>
    <cellStyle name="標準 3 3 3 2 3 2 4_原油高騰等の影響業種" xfId="9950"/>
    <cellStyle name="標準 3 3 3 2 3 2 5" xfId="2530"/>
    <cellStyle name="標準 3 3 3 2 3 2 5 2" xfId="5482"/>
    <cellStyle name="標準 3 3 3 2 3 2 5 3" xfId="8434"/>
    <cellStyle name="標準 3 3 3 2 3 2 5_原油高騰等の影響業種" xfId="9951"/>
    <cellStyle name="標準 3 3 3 2 3 2 6" xfId="3268"/>
    <cellStyle name="標準 3 3 3 2 3 2 7" xfId="6220"/>
    <cellStyle name="標準 3 3 3 2 3 2_原油高騰等の影響業種" xfId="9944"/>
    <cellStyle name="標準 3 3 3 2 3 3" xfId="505"/>
    <cellStyle name="標準 3 3 3 2 3 3 2" xfId="1243"/>
    <cellStyle name="標準 3 3 3 2 3 3 2 2" xfId="4195"/>
    <cellStyle name="標準 3 3 3 2 3 3 2 3" xfId="7147"/>
    <cellStyle name="標準 3 3 3 2 3 3 2_原油高騰等の影響業種" xfId="9953"/>
    <cellStyle name="標準 3 3 3 2 3 3 3" xfId="1981"/>
    <cellStyle name="標準 3 3 3 2 3 3 3 2" xfId="4933"/>
    <cellStyle name="標準 3 3 3 2 3 3 3 3" xfId="7885"/>
    <cellStyle name="標準 3 3 3 2 3 3 3_原油高騰等の影響業種" xfId="9954"/>
    <cellStyle name="標準 3 3 3 2 3 3 4" xfId="2719"/>
    <cellStyle name="標準 3 3 3 2 3 3 4 2" xfId="5671"/>
    <cellStyle name="標準 3 3 3 2 3 3 4 3" xfId="8623"/>
    <cellStyle name="標準 3 3 3 2 3 3 4_原油高騰等の影響業種" xfId="9955"/>
    <cellStyle name="標準 3 3 3 2 3 3 5" xfId="3457"/>
    <cellStyle name="標準 3 3 3 2 3 3 6" xfId="6409"/>
    <cellStyle name="標準 3 3 3 2 3 3_原油高騰等の影響業種" xfId="9952"/>
    <cellStyle name="標準 3 3 3 2 3 4" xfId="874"/>
    <cellStyle name="標準 3 3 3 2 3 4 2" xfId="3826"/>
    <cellStyle name="標準 3 3 3 2 3 4 3" xfId="6778"/>
    <cellStyle name="標準 3 3 3 2 3 4_原油高騰等の影響業種" xfId="9956"/>
    <cellStyle name="標準 3 3 3 2 3 5" xfId="1612"/>
    <cellStyle name="標準 3 3 3 2 3 5 2" xfId="4564"/>
    <cellStyle name="標準 3 3 3 2 3 5 3" xfId="7516"/>
    <cellStyle name="標準 3 3 3 2 3 5_原油高騰等の影響業種" xfId="9957"/>
    <cellStyle name="標準 3 3 3 2 3 6" xfId="2350"/>
    <cellStyle name="標準 3 3 3 2 3 6 2" xfId="5302"/>
    <cellStyle name="標準 3 3 3 2 3 6 3" xfId="8254"/>
    <cellStyle name="標準 3 3 3 2 3 6_原油高騰等の影響業種" xfId="9958"/>
    <cellStyle name="標準 3 3 3 2 3 7" xfId="3088"/>
    <cellStyle name="標準 3 3 3 2 3 8" xfId="6040"/>
    <cellStyle name="標準 3 3 3 2 3_原油高騰等の影響業種" xfId="9943"/>
    <cellStyle name="標準 3 3 3 2 4" xfId="177"/>
    <cellStyle name="標準 3 3 3 2 4 2" xfId="357"/>
    <cellStyle name="標準 3 3 3 2 4 2 2" xfId="730"/>
    <cellStyle name="標準 3 3 3 2 4 2 2 2" xfId="1468"/>
    <cellStyle name="標準 3 3 3 2 4 2 2 2 2" xfId="4420"/>
    <cellStyle name="標準 3 3 3 2 4 2 2 2 3" xfId="7372"/>
    <cellStyle name="標準 3 3 3 2 4 2 2 2_原油高騰等の影響業種" xfId="9962"/>
    <cellStyle name="標準 3 3 3 2 4 2 2 3" xfId="2206"/>
    <cellStyle name="標準 3 3 3 2 4 2 2 3 2" xfId="5158"/>
    <cellStyle name="標準 3 3 3 2 4 2 2 3 3" xfId="8110"/>
    <cellStyle name="標準 3 3 3 2 4 2 2 3_原油高騰等の影響業種" xfId="9963"/>
    <cellStyle name="標準 3 3 3 2 4 2 2 4" xfId="2944"/>
    <cellStyle name="標準 3 3 3 2 4 2 2 4 2" xfId="5896"/>
    <cellStyle name="標準 3 3 3 2 4 2 2 4 3" xfId="8848"/>
    <cellStyle name="標準 3 3 3 2 4 2 2 4_原油高騰等の影響業種" xfId="9964"/>
    <cellStyle name="標準 3 3 3 2 4 2 2 5" xfId="3682"/>
    <cellStyle name="標準 3 3 3 2 4 2 2 6" xfId="6634"/>
    <cellStyle name="標準 3 3 3 2 4 2 2_原油高騰等の影響業種" xfId="9961"/>
    <cellStyle name="標準 3 3 3 2 4 2 3" xfId="1099"/>
    <cellStyle name="標準 3 3 3 2 4 2 3 2" xfId="4051"/>
    <cellStyle name="標準 3 3 3 2 4 2 3 3" xfId="7003"/>
    <cellStyle name="標準 3 3 3 2 4 2 3_原油高騰等の影響業種" xfId="9965"/>
    <cellStyle name="標準 3 3 3 2 4 2 4" xfId="1837"/>
    <cellStyle name="標準 3 3 3 2 4 2 4 2" xfId="4789"/>
    <cellStyle name="標準 3 3 3 2 4 2 4 3" xfId="7741"/>
    <cellStyle name="標準 3 3 3 2 4 2 4_原油高騰等の影響業種" xfId="9966"/>
    <cellStyle name="標準 3 3 3 2 4 2 5" xfId="2575"/>
    <cellStyle name="標準 3 3 3 2 4 2 5 2" xfId="5527"/>
    <cellStyle name="標準 3 3 3 2 4 2 5 3" xfId="8479"/>
    <cellStyle name="標準 3 3 3 2 4 2 5_原油高騰等の影響業種" xfId="9967"/>
    <cellStyle name="標準 3 3 3 2 4 2 6" xfId="3313"/>
    <cellStyle name="標準 3 3 3 2 4 2 7" xfId="6265"/>
    <cellStyle name="標準 3 3 3 2 4 2_原油高騰等の影響業種" xfId="9960"/>
    <cellStyle name="標準 3 3 3 2 4 3" xfId="550"/>
    <cellStyle name="標準 3 3 3 2 4 3 2" xfId="1288"/>
    <cellStyle name="標準 3 3 3 2 4 3 2 2" xfId="4240"/>
    <cellStyle name="標準 3 3 3 2 4 3 2 3" xfId="7192"/>
    <cellStyle name="標準 3 3 3 2 4 3 2_原油高騰等の影響業種" xfId="9969"/>
    <cellStyle name="標準 3 3 3 2 4 3 3" xfId="2026"/>
    <cellStyle name="標準 3 3 3 2 4 3 3 2" xfId="4978"/>
    <cellStyle name="標準 3 3 3 2 4 3 3 3" xfId="7930"/>
    <cellStyle name="標準 3 3 3 2 4 3 3_原油高騰等の影響業種" xfId="9970"/>
    <cellStyle name="標準 3 3 3 2 4 3 4" xfId="2764"/>
    <cellStyle name="標準 3 3 3 2 4 3 4 2" xfId="5716"/>
    <cellStyle name="標準 3 3 3 2 4 3 4 3" xfId="8668"/>
    <cellStyle name="標準 3 3 3 2 4 3 4_原油高騰等の影響業種" xfId="9971"/>
    <cellStyle name="標準 3 3 3 2 4 3 5" xfId="3502"/>
    <cellStyle name="標準 3 3 3 2 4 3 6" xfId="6454"/>
    <cellStyle name="標準 3 3 3 2 4 3_原油高騰等の影響業種" xfId="9968"/>
    <cellStyle name="標準 3 3 3 2 4 4" xfId="919"/>
    <cellStyle name="標準 3 3 3 2 4 4 2" xfId="3871"/>
    <cellStyle name="標準 3 3 3 2 4 4 3" xfId="6823"/>
    <cellStyle name="標準 3 3 3 2 4 4_原油高騰等の影響業種" xfId="9972"/>
    <cellStyle name="標準 3 3 3 2 4 5" xfId="1657"/>
    <cellStyle name="標準 3 3 3 2 4 5 2" xfId="4609"/>
    <cellStyle name="標準 3 3 3 2 4 5 3" xfId="7561"/>
    <cellStyle name="標準 3 3 3 2 4 5_原油高騰等の影響業種" xfId="9973"/>
    <cellStyle name="標準 3 3 3 2 4 6" xfId="2395"/>
    <cellStyle name="標準 3 3 3 2 4 6 2" xfId="5347"/>
    <cellStyle name="標準 3 3 3 2 4 6 3" xfId="8299"/>
    <cellStyle name="標準 3 3 3 2 4 6_原油高騰等の影響業種" xfId="9974"/>
    <cellStyle name="標準 3 3 3 2 4 7" xfId="3133"/>
    <cellStyle name="標準 3 3 3 2 4 8" xfId="6085"/>
    <cellStyle name="標準 3 3 3 2 4_原油高騰等の影響業種" xfId="9959"/>
    <cellStyle name="標準 3 3 3 2 5" xfId="222"/>
    <cellStyle name="標準 3 3 3 2 5 2" xfId="595"/>
    <cellStyle name="標準 3 3 3 2 5 2 2" xfId="1333"/>
    <cellStyle name="標準 3 3 3 2 5 2 2 2" xfId="4285"/>
    <cellStyle name="標準 3 3 3 2 5 2 2 3" xfId="7237"/>
    <cellStyle name="標準 3 3 3 2 5 2 2_原油高騰等の影響業種" xfId="9977"/>
    <cellStyle name="標準 3 3 3 2 5 2 3" xfId="2071"/>
    <cellStyle name="標準 3 3 3 2 5 2 3 2" xfId="5023"/>
    <cellStyle name="標準 3 3 3 2 5 2 3 3" xfId="7975"/>
    <cellStyle name="標準 3 3 3 2 5 2 3_原油高騰等の影響業種" xfId="9978"/>
    <cellStyle name="標準 3 3 3 2 5 2 4" xfId="2809"/>
    <cellStyle name="標準 3 3 3 2 5 2 4 2" xfId="5761"/>
    <cellStyle name="標準 3 3 3 2 5 2 4 3" xfId="8713"/>
    <cellStyle name="標準 3 3 3 2 5 2 4_原油高騰等の影響業種" xfId="9979"/>
    <cellStyle name="標準 3 3 3 2 5 2 5" xfId="3547"/>
    <cellStyle name="標準 3 3 3 2 5 2 6" xfId="6499"/>
    <cellStyle name="標準 3 3 3 2 5 2_原油高騰等の影響業種" xfId="9976"/>
    <cellStyle name="標準 3 3 3 2 5 3" xfId="964"/>
    <cellStyle name="標準 3 3 3 2 5 3 2" xfId="3916"/>
    <cellStyle name="標準 3 3 3 2 5 3 3" xfId="6868"/>
    <cellStyle name="標準 3 3 3 2 5 3_原油高騰等の影響業種" xfId="9980"/>
    <cellStyle name="標準 3 3 3 2 5 4" xfId="1702"/>
    <cellStyle name="標準 3 3 3 2 5 4 2" xfId="4654"/>
    <cellStyle name="標準 3 3 3 2 5 4 3" xfId="7606"/>
    <cellStyle name="標準 3 3 3 2 5 4_原油高騰等の影響業種" xfId="9981"/>
    <cellStyle name="標準 3 3 3 2 5 5" xfId="2440"/>
    <cellStyle name="標準 3 3 3 2 5 5 2" xfId="5392"/>
    <cellStyle name="標準 3 3 3 2 5 5 3" xfId="8344"/>
    <cellStyle name="標準 3 3 3 2 5 5_原油高騰等の影響業種" xfId="9982"/>
    <cellStyle name="標準 3 3 3 2 5 6" xfId="3178"/>
    <cellStyle name="標準 3 3 3 2 5 7" xfId="6130"/>
    <cellStyle name="標準 3 3 3 2 5_原油高騰等の影響業種" xfId="9975"/>
    <cellStyle name="標準 3 3 3 2 6" xfId="415"/>
    <cellStyle name="標準 3 3 3 2 6 2" xfId="1153"/>
    <cellStyle name="標準 3 3 3 2 6 2 2" xfId="4105"/>
    <cellStyle name="標準 3 3 3 2 6 2 3" xfId="7057"/>
    <cellStyle name="標準 3 3 3 2 6 2_原油高騰等の影響業種" xfId="9984"/>
    <cellStyle name="標準 3 3 3 2 6 3" xfId="1891"/>
    <cellStyle name="標準 3 3 3 2 6 3 2" xfId="4843"/>
    <cellStyle name="標準 3 3 3 2 6 3 3" xfId="7795"/>
    <cellStyle name="標準 3 3 3 2 6 3_原油高騰等の影響業種" xfId="9985"/>
    <cellStyle name="標準 3 3 3 2 6 4" xfId="2629"/>
    <cellStyle name="標準 3 3 3 2 6 4 2" xfId="5581"/>
    <cellStyle name="標準 3 3 3 2 6 4 3" xfId="8533"/>
    <cellStyle name="標準 3 3 3 2 6 4_原油高騰等の影響業種" xfId="9986"/>
    <cellStyle name="標準 3 3 3 2 6 5" xfId="3367"/>
    <cellStyle name="標準 3 3 3 2 6 6" xfId="6319"/>
    <cellStyle name="標準 3 3 3 2 6_原油高騰等の影響業種" xfId="9983"/>
    <cellStyle name="標準 3 3 3 2 7" xfId="784"/>
    <cellStyle name="標準 3 3 3 2 7 2" xfId="3736"/>
    <cellStyle name="標準 3 3 3 2 7 3" xfId="6688"/>
    <cellStyle name="標準 3 3 3 2 7_原油高騰等の影響業種" xfId="9987"/>
    <cellStyle name="標準 3 3 3 2 8" xfId="1522"/>
    <cellStyle name="標準 3 3 3 2 8 2" xfId="4474"/>
    <cellStyle name="標準 3 3 3 2 8 3" xfId="7426"/>
    <cellStyle name="標準 3 3 3 2 8_原油高騰等の影響業種" xfId="9988"/>
    <cellStyle name="標準 3 3 3 2 9" xfId="2260"/>
    <cellStyle name="標準 3 3 3 2 9 2" xfId="5212"/>
    <cellStyle name="標準 3 3 3 2 9 3" xfId="8164"/>
    <cellStyle name="標準 3 3 3 2 9_原油高騰等の影響業種" xfId="9989"/>
    <cellStyle name="標準 3 3 3 2_原油高騰等の影響業種" xfId="9926"/>
    <cellStyle name="標準 3 3 3 3" xfId="69"/>
    <cellStyle name="標準 3 3 3 3 2" xfId="249"/>
    <cellStyle name="標準 3 3 3 3 2 2" xfId="622"/>
    <cellStyle name="標準 3 3 3 3 2 2 2" xfId="1360"/>
    <cellStyle name="標準 3 3 3 3 2 2 2 2" xfId="4312"/>
    <cellStyle name="標準 3 3 3 3 2 2 2 3" xfId="7264"/>
    <cellStyle name="標準 3 3 3 3 2 2 2_原油高騰等の影響業種" xfId="9993"/>
    <cellStyle name="標準 3 3 3 3 2 2 3" xfId="2098"/>
    <cellStyle name="標準 3 3 3 3 2 2 3 2" xfId="5050"/>
    <cellStyle name="標準 3 3 3 3 2 2 3 3" xfId="8002"/>
    <cellStyle name="標準 3 3 3 3 2 2 3_原油高騰等の影響業種" xfId="9994"/>
    <cellStyle name="標準 3 3 3 3 2 2 4" xfId="2836"/>
    <cellStyle name="標準 3 3 3 3 2 2 4 2" xfId="5788"/>
    <cellStyle name="標準 3 3 3 3 2 2 4 3" xfId="8740"/>
    <cellStyle name="標準 3 3 3 3 2 2 4_原油高騰等の影響業種" xfId="9995"/>
    <cellStyle name="標準 3 3 3 3 2 2 5" xfId="3574"/>
    <cellStyle name="標準 3 3 3 3 2 2 6" xfId="6526"/>
    <cellStyle name="標準 3 3 3 3 2 2_原油高騰等の影響業種" xfId="9992"/>
    <cellStyle name="標準 3 3 3 3 2 3" xfId="991"/>
    <cellStyle name="標準 3 3 3 3 2 3 2" xfId="3943"/>
    <cellStyle name="標準 3 3 3 3 2 3 3" xfId="6895"/>
    <cellStyle name="標準 3 3 3 3 2 3_原油高騰等の影響業種" xfId="9996"/>
    <cellStyle name="標準 3 3 3 3 2 4" xfId="1729"/>
    <cellStyle name="標準 3 3 3 3 2 4 2" xfId="4681"/>
    <cellStyle name="標準 3 3 3 3 2 4 3" xfId="7633"/>
    <cellStyle name="標準 3 3 3 3 2 4_原油高騰等の影響業種" xfId="9997"/>
    <cellStyle name="標準 3 3 3 3 2 5" xfId="2467"/>
    <cellStyle name="標準 3 3 3 3 2 5 2" xfId="5419"/>
    <cellStyle name="標準 3 3 3 3 2 5 3" xfId="8371"/>
    <cellStyle name="標準 3 3 3 3 2 5_原油高騰等の影響業種" xfId="9998"/>
    <cellStyle name="標準 3 3 3 3 2 6" xfId="3205"/>
    <cellStyle name="標準 3 3 3 3 2 7" xfId="6157"/>
    <cellStyle name="標準 3 3 3 3 2_原油高騰等の影響業種" xfId="9991"/>
    <cellStyle name="標準 3 3 3 3 3" xfId="442"/>
    <cellStyle name="標準 3 3 3 3 3 2" xfId="1180"/>
    <cellStyle name="標準 3 3 3 3 3 2 2" xfId="4132"/>
    <cellStyle name="標準 3 3 3 3 3 2 3" xfId="7084"/>
    <cellStyle name="標準 3 3 3 3 3 2_原油高騰等の影響業種" xfId="10000"/>
    <cellStyle name="標準 3 3 3 3 3 3" xfId="1918"/>
    <cellStyle name="標準 3 3 3 3 3 3 2" xfId="4870"/>
    <cellStyle name="標準 3 3 3 3 3 3 3" xfId="7822"/>
    <cellStyle name="標準 3 3 3 3 3 3_原油高騰等の影響業種" xfId="10001"/>
    <cellStyle name="標準 3 3 3 3 3 4" xfId="2656"/>
    <cellStyle name="標準 3 3 3 3 3 4 2" xfId="5608"/>
    <cellStyle name="標準 3 3 3 3 3 4 3" xfId="8560"/>
    <cellStyle name="標準 3 3 3 3 3 4_原油高騰等の影響業種" xfId="10002"/>
    <cellStyle name="標準 3 3 3 3 3 5" xfId="3394"/>
    <cellStyle name="標準 3 3 3 3 3 6" xfId="6346"/>
    <cellStyle name="標準 3 3 3 3 3_原油高騰等の影響業種" xfId="9999"/>
    <cellStyle name="標準 3 3 3 3 4" xfId="811"/>
    <cellStyle name="標準 3 3 3 3 4 2" xfId="3763"/>
    <cellStyle name="標準 3 3 3 3 4 3" xfId="6715"/>
    <cellStyle name="標準 3 3 3 3 4_原油高騰等の影響業種" xfId="10003"/>
    <cellStyle name="標準 3 3 3 3 5" xfId="1549"/>
    <cellStyle name="標準 3 3 3 3 5 2" xfId="4501"/>
    <cellStyle name="標準 3 3 3 3 5 3" xfId="7453"/>
    <cellStyle name="標準 3 3 3 3 5_原油高騰等の影響業種" xfId="10004"/>
    <cellStyle name="標準 3 3 3 3 6" xfId="2287"/>
    <cellStyle name="標準 3 3 3 3 6 2" xfId="5239"/>
    <cellStyle name="標準 3 3 3 3 6 3" xfId="8191"/>
    <cellStyle name="標準 3 3 3 3 6_原油高騰等の影響業種" xfId="10005"/>
    <cellStyle name="標準 3 3 3 3 7" xfId="3025"/>
    <cellStyle name="標準 3 3 3 3 8" xfId="5977"/>
    <cellStyle name="標準 3 3 3 3_原油高騰等の影響業種" xfId="9990"/>
    <cellStyle name="標準 3 3 3 4" xfId="114"/>
    <cellStyle name="標準 3 3 3 4 2" xfId="294"/>
    <cellStyle name="標準 3 3 3 4 2 2" xfId="667"/>
    <cellStyle name="標準 3 3 3 4 2 2 2" xfId="1405"/>
    <cellStyle name="標準 3 3 3 4 2 2 2 2" xfId="4357"/>
    <cellStyle name="標準 3 3 3 4 2 2 2 3" xfId="7309"/>
    <cellStyle name="標準 3 3 3 4 2 2 2_原油高騰等の影響業種" xfId="10009"/>
    <cellStyle name="標準 3 3 3 4 2 2 3" xfId="2143"/>
    <cellStyle name="標準 3 3 3 4 2 2 3 2" xfId="5095"/>
    <cellStyle name="標準 3 3 3 4 2 2 3 3" xfId="8047"/>
    <cellStyle name="標準 3 3 3 4 2 2 3_原油高騰等の影響業種" xfId="10010"/>
    <cellStyle name="標準 3 3 3 4 2 2 4" xfId="2881"/>
    <cellStyle name="標準 3 3 3 4 2 2 4 2" xfId="5833"/>
    <cellStyle name="標準 3 3 3 4 2 2 4 3" xfId="8785"/>
    <cellStyle name="標準 3 3 3 4 2 2 4_原油高騰等の影響業種" xfId="10011"/>
    <cellStyle name="標準 3 3 3 4 2 2 5" xfId="3619"/>
    <cellStyle name="標準 3 3 3 4 2 2 6" xfId="6571"/>
    <cellStyle name="標準 3 3 3 4 2 2_原油高騰等の影響業種" xfId="10008"/>
    <cellStyle name="標準 3 3 3 4 2 3" xfId="1036"/>
    <cellStyle name="標準 3 3 3 4 2 3 2" xfId="3988"/>
    <cellStyle name="標準 3 3 3 4 2 3 3" xfId="6940"/>
    <cellStyle name="標準 3 3 3 4 2 3_原油高騰等の影響業種" xfId="10012"/>
    <cellStyle name="標準 3 3 3 4 2 4" xfId="1774"/>
    <cellStyle name="標準 3 3 3 4 2 4 2" xfId="4726"/>
    <cellStyle name="標準 3 3 3 4 2 4 3" xfId="7678"/>
    <cellStyle name="標準 3 3 3 4 2 4_原油高騰等の影響業種" xfId="10013"/>
    <cellStyle name="標準 3 3 3 4 2 5" xfId="2512"/>
    <cellStyle name="標準 3 3 3 4 2 5 2" xfId="5464"/>
    <cellStyle name="標準 3 3 3 4 2 5 3" xfId="8416"/>
    <cellStyle name="標準 3 3 3 4 2 5_原油高騰等の影響業種" xfId="10014"/>
    <cellStyle name="標準 3 3 3 4 2 6" xfId="3250"/>
    <cellStyle name="標準 3 3 3 4 2 7" xfId="6202"/>
    <cellStyle name="標準 3 3 3 4 2_原油高騰等の影響業種" xfId="10007"/>
    <cellStyle name="標準 3 3 3 4 3" xfId="487"/>
    <cellStyle name="標準 3 3 3 4 3 2" xfId="1225"/>
    <cellStyle name="標準 3 3 3 4 3 2 2" xfId="4177"/>
    <cellStyle name="標準 3 3 3 4 3 2 3" xfId="7129"/>
    <cellStyle name="標準 3 3 3 4 3 2_原油高騰等の影響業種" xfId="10016"/>
    <cellStyle name="標準 3 3 3 4 3 3" xfId="1963"/>
    <cellStyle name="標準 3 3 3 4 3 3 2" xfId="4915"/>
    <cellStyle name="標準 3 3 3 4 3 3 3" xfId="7867"/>
    <cellStyle name="標準 3 3 3 4 3 3_原油高騰等の影響業種" xfId="10017"/>
    <cellStyle name="標準 3 3 3 4 3 4" xfId="2701"/>
    <cellStyle name="標準 3 3 3 4 3 4 2" xfId="5653"/>
    <cellStyle name="標準 3 3 3 4 3 4 3" xfId="8605"/>
    <cellStyle name="標準 3 3 3 4 3 4_原油高騰等の影響業種" xfId="10018"/>
    <cellStyle name="標準 3 3 3 4 3 5" xfId="3439"/>
    <cellStyle name="標準 3 3 3 4 3 6" xfId="6391"/>
    <cellStyle name="標準 3 3 3 4 3_原油高騰等の影響業種" xfId="10015"/>
    <cellStyle name="標準 3 3 3 4 4" xfId="856"/>
    <cellStyle name="標準 3 3 3 4 4 2" xfId="3808"/>
    <cellStyle name="標準 3 3 3 4 4 3" xfId="6760"/>
    <cellStyle name="標準 3 3 3 4 4_原油高騰等の影響業種" xfId="10019"/>
    <cellStyle name="標準 3 3 3 4 5" xfId="1594"/>
    <cellStyle name="標準 3 3 3 4 5 2" xfId="4546"/>
    <cellStyle name="標準 3 3 3 4 5 3" xfId="7498"/>
    <cellStyle name="標準 3 3 3 4 5_原油高騰等の影響業種" xfId="10020"/>
    <cellStyle name="標準 3 3 3 4 6" xfId="2332"/>
    <cellStyle name="標準 3 3 3 4 6 2" xfId="5284"/>
    <cellStyle name="標準 3 3 3 4 6 3" xfId="8236"/>
    <cellStyle name="標準 3 3 3 4 6_原油高騰等の影響業種" xfId="10021"/>
    <cellStyle name="標準 3 3 3 4 7" xfId="3070"/>
    <cellStyle name="標準 3 3 3 4 8" xfId="6022"/>
    <cellStyle name="標準 3 3 3 4_原油高騰等の影響業種" xfId="10006"/>
    <cellStyle name="標準 3 3 3 5" xfId="159"/>
    <cellStyle name="標準 3 3 3 5 2" xfId="339"/>
    <cellStyle name="標準 3 3 3 5 2 2" xfId="712"/>
    <cellStyle name="標準 3 3 3 5 2 2 2" xfId="1450"/>
    <cellStyle name="標準 3 3 3 5 2 2 2 2" xfId="4402"/>
    <cellStyle name="標準 3 3 3 5 2 2 2 3" xfId="7354"/>
    <cellStyle name="標準 3 3 3 5 2 2 2_原油高騰等の影響業種" xfId="10025"/>
    <cellStyle name="標準 3 3 3 5 2 2 3" xfId="2188"/>
    <cellStyle name="標準 3 3 3 5 2 2 3 2" xfId="5140"/>
    <cellStyle name="標準 3 3 3 5 2 2 3 3" xfId="8092"/>
    <cellStyle name="標準 3 3 3 5 2 2 3_原油高騰等の影響業種" xfId="10026"/>
    <cellStyle name="標準 3 3 3 5 2 2 4" xfId="2926"/>
    <cellStyle name="標準 3 3 3 5 2 2 4 2" xfId="5878"/>
    <cellStyle name="標準 3 3 3 5 2 2 4 3" xfId="8830"/>
    <cellStyle name="標準 3 3 3 5 2 2 4_原油高騰等の影響業種" xfId="10027"/>
    <cellStyle name="標準 3 3 3 5 2 2 5" xfId="3664"/>
    <cellStyle name="標準 3 3 3 5 2 2 6" xfId="6616"/>
    <cellStyle name="標準 3 3 3 5 2 2_原油高騰等の影響業種" xfId="10024"/>
    <cellStyle name="標準 3 3 3 5 2 3" xfId="1081"/>
    <cellStyle name="標準 3 3 3 5 2 3 2" xfId="4033"/>
    <cellStyle name="標準 3 3 3 5 2 3 3" xfId="6985"/>
    <cellStyle name="標準 3 3 3 5 2 3_原油高騰等の影響業種" xfId="10028"/>
    <cellStyle name="標準 3 3 3 5 2 4" xfId="1819"/>
    <cellStyle name="標準 3 3 3 5 2 4 2" xfId="4771"/>
    <cellStyle name="標準 3 3 3 5 2 4 3" xfId="7723"/>
    <cellStyle name="標準 3 3 3 5 2 4_原油高騰等の影響業種" xfId="10029"/>
    <cellStyle name="標準 3 3 3 5 2 5" xfId="2557"/>
    <cellStyle name="標準 3 3 3 5 2 5 2" xfId="5509"/>
    <cellStyle name="標準 3 3 3 5 2 5 3" xfId="8461"/>
    <cellStyle name="標準 3 3 3 5 2 5_原油高騰等の影響業種" xfId="10030"/>
    <cellStyle name="標準 3 3 3 5 2 6" xfId="3295"/>
    <cellStyle name="標準 3 3 3 5 2 7" xfId="6247"/>
    <cellStyle name="標準 3 3 3 5 2_原油高騰等の影響業種" xfId="10023"/>
    <cellStyle name="標準 3 3 3 5 3" xfId="532"/>
    <cellStyle name="標準 3 3 3 5 3 2" xfId="1270"/>
    <cellStyle name="標準 3 3 3 5 3 2 2" xfId="4222"/>
    <cellStyle name="標準 3 3 3 5 3 2 3" xfId="7174"/>
    <cellStyle name="標準 3 3 3 5 3 2_原油高騰等の影響業種" xfId="10032"/>
    <cellStyle name="標準 3 3 3 5 3 3" xfId="2008"/>
    <cellStyle name="標準 3 3 3 5 3 3 2" xfId="4960"/>
    <cellStyle name="標準 3 3 3 5 3 3 3" xfId="7912"/>
    <cellStyle name="標準 3 3 3 5 3 3_原油高騰等の影響業種" xfId="10033"/>
    <cellStyle name="標準 3 3 3 5 3 4" xfId="2746"/>
    <cellStyle name="標準 3 3 3 5 3 4 2" xfId="5698"/>
    <cellStyle name="標準 3 3 3 5 3 4 3" xfId="8650"/>
    <cellStyle name="標準 3 3 3 5 3 4_原油高騰等の影響業種" xfId="10034"/>
    <cellStyle name="標準 3 3 3 5 3 5" xfId="3484"/>
    <cellStyle name="標準 3 3 3 5 3 6" xfId="6436"/>
    <cellStyle name="標準 3 3 3 5 3_原油高騰等の影響業種" xfId="10031"/>
    <cellStyle name="標準 3 3 3 5 4" xfId="901"/>
    <cellStyle name="標準 3 3 3 5 4 2" xfId="3853"/>
    <cellStyle name="標準 3 3 3 5 4 3" xfId="6805"/>
    <cellStyle name="標準 3 3 3 5 4_原油高騰等の影響業種" xfId="10035"/>
    <cellStyle name="標準 3 3 3 5 5" xfId="1639"/>
    <cellStyle name="標準 3 3 3 5 5 2" xfId="4591"/>
    <cellStyle name="標準 3 3 3 5 5 3" xfId="7543"/>
    <cellStyle name="標準 3 3 3 5 5_原油高騰等の影響業種" xfId="10036"/>
    <cellStyle name="標準 3 3 3 5 6" xfId="2377"/>
    <cellStyle name="標準 3 3 3 5 6 2" xfId="5329"/>
    <cellStyle name="標準 3 3 3 5 6 3" xfId="8281"/>
    <cellStyle name="標準 3 3 3 5 6_原油高騰等の影響業種" xfId="10037"/>
    <cellStyle name="標準 3 3 3 5 7" xfId="3115"/>
    <cellStyle name="標準 3 3 3 5 8" xfId="6067"/>
    <cellStyle name="標準 3 3 3 5_原油高騰等の影響業種" xfId="10022"/>
    <cellStyle name="標準 3 3 3 6" xfId="204"/>
    <cellStyle name="標準 3 3 3 6 2" xfId="577"/>
    <cellStyle name="標準 3 3 3 6 2 2" xfId="1315"/>
    <cellStyle name="標準 3 3 3 6 2 2 2" xfId="4267"/>
    <cellStyle name="標準 3 3 3 6 2 2 3" xfId="7219"/>
    <cellStyle name="標準 3 3 3 6 2 2_原油高騰等の影響業種" xfId="10040"/>
    <cellStyle name="標準 3 3 3 6 2 3" xfId="2053"/>
    <cellStyle name="標準 3 3 3 6 2 3 2" xfId="5005"/>
    <cellStyle name="標準 3 3 3 6 2 3 3" xfId="7957"/>
    <cellStyle name="標準 3 3 3 6 2 3_原油高騰等の影響業種" xfId="10041"/>
    <cellStyle name="標準 3 3 3 6 2 4" xfId="2791"/>
    <cellStyle name="標準 3 3 3 6 2 4 2" xfId="5743"/>
    <cellStyle name="標準 3 3 3 6 2 4 3" xfId="8695"/>
    <cellStyle name="標準 3 3 3 6 2 4_原油高騰等の影響業種" xfId="10042"/>
    <cellStyle name="標準 3 3 3 6 2 5" xfId="3529"/>
    <cellStyle name="標準 3 3 3 6 2 6" xfId="6481"/>
    <cellStyle name="標準 3 3 3 6 2_原油高騰等の影響業種" xfId="10039"/>
    <cellStyle name="標準 3 3 3 6 3" xfId="946"/>
    <cellStyle name="標準 3 3 3 6 3 2" xfId="3898"/>
    <cellStyle name="標準 3 3 3 6 3 3" xfId="6850"/>
    <cellStyle name="標準 3 3 3 6 3_原油高騰等の影響業種" xfId="10043"/>
    <cellStyle name="標準 3 3 3 6 4" xfId="1684"/>
    <cellStyle name="標準 3 3 3 6 4 2" xfId="4636"/>
    <cellStyle name="標準 3 3 3 6 4 3" xfId="7588"/>
    <cellStyle name="標準 3 3 3 6 4_原油高騰等の影響業種" xfId="10044"/>
    <cellStyle name="標準 3 3 3 6 5" xfId="2422"/>
    <cellStyle name="標準 3 3 3 6 5 2" xfId="5374"/>
    <cellStyle name="標準 3 3 3 6 5 3" xfId="8326"/>
    <cellStyle name="標準 3 3 3 6 5_原油高騰等の影響業種" xfId="10045"/>
    <cellStyle name="標準 3 3 3 6 6" xfId="3160"/>
    <cellStyle name="標準 3 3 3 6 7" xfId="6112"/>
    <cellStyle name="標準 3 3 3 6_原油高騰等の影響業種" xfId="10038"/>
    <cellStyle name="標準 3 3 3 7" xfId="397"/>
    <cellStyle name="標準 3 3 3 7 2" xfId="1135"/>
    <cellStyle name="標準 3 3 3 7 2 2" xfId="4087"/>
    <cellStyle name="標準 3 3 3 7 2 3" xfId="7039"/>
    <cellStyle name="標準 3 3 3 7 2_原油高騰等の影響業種" xfId="10047"/>
    <cellStyle name="標準 3 3 3 7 3" xfId="1873"/>
    <cellStyle name="標準 3 3 3 7 3 2" xfId="4825"/>
    <cellStyle name="標準 3 3 3 7 3 3" xfId="7777"/>
    <cellStyle name="標準 3 3 3 7 3_原油高騰等の影響業種" xfId="10048"/>
    <cellStyle name="標準 3 3 3 7 4" xfId="2611"/>
    <cellStyle name="標準 3 3 3 7 4 2" xfId="5563"/>
    <cellStyle name="標準 3 3 3 7 4 3" xfId="8515"/>
    <cellStyle name="標準 3 3 3 7 4_原油高騰等の影響業種" xfId="10049"/>
    <cellStyle name="標準 3 3 3 7 5" xfId="3349"/>
    <cellStyle name="標準 3 3 3 7 6" xfId="6301"/>
    <cellStyle name="標準 3 3 3 7_原油高騰等の影響業種" xfId="10046"/>
    <cellStyle name="標準 3 3 3 8" xfId="766"/>
    <cellStyle name="標準 3 3 3 8 2" xfId="3718"/>
    <cellStyle name="標準 3 3 3 8 3" xfId="6670"/>
    <cellStyle name="標準 3 3 3 8_原油高騰等の影響業種" xfId="10050"/>
    <cellStyle name="標準 3 3 3 9" xfId="1504"/>
    <cellStyle name="標準 3 3 3 9 2" xfId="4456"/>
    <cellStyle name="標準 3 3 3 9 3" xfId="7408"/>
    <cellStyle name="標準 3 3 3 9_原油高騰等の影響業種" xfId="10051"/>
    <cellStyle name="標準 3 3 3_原油高騰等の影響業種" xfId="9924"/>
    <cellStyle name="標準 3 3 4" xfId="33"/>
    <cellStyle name="標準 3 3 4 10" xfId="2989"/>
    <cellStyle name="標準 3 3 4 11" xfId="5941"/>
    <cellStyle name="標準 3 3 4 2" xfId="78"/>
    <cellStyle name="標準 3 3 4 2 2" xfId="258"/>
    <cellStyle name="標準 3 3 4 2 2 2" xfId="631"/>
    <cellStyle name="標準 3 3 4 2 2 2 2" xfId="1369"/>
    <cellStyle name="標準 3 3 4 2 2 2 2 2" xfId="4321"/>
    <cellStyle name="標準 3 3 4 2 2 2 2 3" xfId="7273"/>
    <cellStyle name="標準 3 3 4 2 2 2 2_原油高騰等の影響業種" xfId="10056"/>
    <cellStyle name="標準 3 3 4 2 2 2 3" xfId="2107"/>
    <cellStyle name="標準 3 3 4 2 2 2 3 2" xfId="5059"/>
    <cellStyle name="標準 3 3 4 2 2 2 3 3" xfId="8011"/>
    <cellStyle name="標準 3 3 4 2 2 2 3_原油高騰等の影響業種" xfId="10057"/>
    <cellStyle name="標準 3 3 4 2 2 2 4" xfId="2845"/>
    <cellStyle name="標準 3 3 4 2 2 2 4 2" xfId="5797"/>
    <cellStyle name="標準 3 3 4 2 2 2 4 3" xfId="8749"/>
    <cellStyle name="標準 3 3 4 2 2 2 4_原油高騰等の影響業種" xfId="10058"/>
    <cellStyle name="標準 3 3 4 2 2 2 5" xfId="3583"/>
    <cellStyle name="標準 3 3 4 2 2 2 6" xfId="6535"/>
    <cellStyle name="標準 3 3 4 2 2 2_原油高騰等の影響業種" xfId="10055"/>
    <cellStyle name="標準 3 3 4 2 2 3" xfId="1000"/>
    <cellStyle name="標準 3 3 4 2 2 3 2" xfId="3952"/>
    <cellStyle name="標準 3 3 4 2 2 3 3" xfId="6904"/>
    <cellStyle name="標準 3 3 4 2 2 3_原油高騰等の影響業種" xfId="10059"/>
    <cellStyle name="標準 3 3 4 2 2 4" xfId="1738"/>
    <cellStyle name="標準 3 3 4 2 2 4 2" xfId="4690"/>
    <cellStyle name="標準 3 3 4 2 2 4 3" xfId="7642"/>
    <cellStyle name="標準 3 3 4 2 2 4_原油高騰等の影響業種" xfId="10060"/>
    <cellStyle name="標準 3 3 4 2 2 5" xfId="2476"/>
    <cellStyle name="標準 3 3 4 2 2 5 2" xfId="5428"/>
    <cellStyle name="標準 3 3 4 2 2 5 3" xfId="8380"/>
    <cellStyle name="標準 3 3 4 2 2 5_原油高騰等の影響業種" xfId="10061"/>
    <cellStyle name="標準 3 3 4 2 2 6" xfId="3214"/>
    <cellStyle name="標準 3 3 4 2 2 7" xfId="6166"/>
    <cellStyle name="標準 3 3 4 2 2_原油高騰等の影響業種" xfId="10054"/>
    <cellStyle name="標準 3 3 4 2 3" xfId="451"/>
    <cellStyle name="標準 3 3 4 2 3 2" xfId="1189"/>
    <cellStyle name="標準 3 3 4 2 3 2 2" xfId="4141"/>
    <cellStyle name="標準 3 3 4 2 3 2 3" xfId="7093"/>
    <cellStyle name="標準 3 3 4 2 3 2_原油高騰等の影響業種" xfId="10063"/>
    <cellStyle name="標準 3 3 4 2 3 3" xfId="1927"/>
    <cellStyle name="標準 3 3 4 2 3 3 2" xfId="4879"/>
    <cellStyle name="標準 3 3 4 2 3 3 3" xfId="7831"/>
    <cellStyle name="標準 3 3 4 2 3 3_原油高騰等の影響業種" xfId="10064"/>
    <cellStyle name="標準 3 3 4 2 3 4" xfId="2665"/>
    <cellStyle name="標準 3 3 4 2 3 4 2" xfId="5617"/>
    <cellStyle name="標準 3 3 4 2 3 4 3" xfId="8569"/>
    <cellStyle name="標準 3 3 4 2 3 4_原油高騰等の影響業種" xfId="10065"/>
    <cellStyle name="標準 3 3 4 2 3 5" xfId="3403"/>
    <cellStyle name="標準 3 3 4 2 3 6" xfId="6355"/>
    <cellStyle name="標準 3 3 4 2 3_原油高騰等の影響業種" xfId="10062"/>
    <cellStyle name="標準 3 3 4 2 4" xfId="820"/>
    <cellStyle name="標準 3 3 4 2 4 2" xfId="3772"/>
    <cellStyle name="標準 3 3 4 2 4 3" xfId="6724"/>
    <cellStyle name="標準 3 3 4 2 4_原油高騰等の影響業種" xfId="10066"/>
    <cellStyle name="標準 3 3 4 2 5" xfId="1558"/>
    <cellStyle name="標準 3 3 4 2 5 2" xfId="4510"/>
    <cellStyle name="標準 3 3 4 2 5 3" xfId="7462"/>
    <cellStyle name="標準 3 3 4 2 5_原油高騰等の影響業種" xfId="10067"/>
    <cellStyle name="標準 3 3 4 2 6" xfId="2296"/>
    <cellStyle name="標準 3 3 4 2 6 2" xfId="5248"/>
    <cellStyle name="標準 3 3 4 2 6 3" xfId="8200"/>
    <cellStyle name="標準 3 3 4 2 6_原油高騰等の影響業種" xfId="10068"/>
    <cellStyle name="標準 3 3 4 2 7" xfId="3034"/>
    <cellStyle name="標準 3 3 4 2 8" xfId="5986"/>
    <cellStyle name="標準 3 3 4 2_原油高騰等の影響業種" xfId="10053"/>
    <cellStyle name="標準 3 3 4 3" xfId="123"/>
    <cellStyle name="標準 3 3 4 3 2" xfId="303"/>
    <cellStyle name="標準 3 3 4 3 2 2" xfId="676"/>
    <cellStyle name="標準 3 3 4 3 2 2 2" xfId="1414"/>
    <cellStyle name="標準 3 3 4 3 2 2 2 2" xfId="4366"/>
    <cellStyle name="標準 3 3 4 3 2 2 2 3" xfId="7318"/>
    <cellStyle name="標準 3 3 4 3 2 2 2_原油高騰等の影響業種" xfId="10072"/>
    <cellStyle name="標準 3 3 4 3 2 2 3" xfId="2152"/>
    <cellStyle name="標準 3 3 4 3 2 2 3 2" xfId="5104"/>
    <cellStyle name="標準 3 3 4 3 2 2 3 3" xfId="8056"/>
    <cellStyle name="標準 3 3 4 3 2 2 3_原油高騰等の影響業種" xfId="10073"/>
    <cellStyle name="標準 3 3 4 3 2 2 4" xfId="2890"/>
    <cellStyle name="標準 3 3 4 3 2 2 4 2" xfId="5842"/>
    <cellStyle name="標準 3 3 4 3 2 2 4 3" xfId="8794"/>
    <cellStyle name="標準 3 3 4 3 2 2 4_原油高騰等の影響業種" xfId="10074"/>
    <cellStyle name="標準 3 3 4 3 2 2 5" xfId="3628"/>
    <cellStyle name="標準 3 3 4 3 2 2 6" xfId="6580"/>
    <cellStyle name="標準 3 3 4 3 2 2_原油高騰等の影響業種" xfId="10071"/>
    <cellStyle name="標準 3 3 4 3 2 3" xfId="1045"/>
    <cellStyle name="標準 3 3 4 3 2 3 2" xfId="3997"/>
    <cellStyle name="標準 3 3 4 3 2 3 3" xfId="6949"/>
    <cellStyle name="標準 3 3 4 3 2 3_原油高騰等の影響業種" xfId="10075"/>
    <cellStyle name="標準 3 3 4 3 2 4" xfId="1783"/>
    <cellStyle name="標準 3 3 4 3 2 4 2" xfId="4735"/>
    <cellStyle name="標準 3 3 4 3 2 4 3" xfId="7687"/>
    <cellStyle name="標準 3 3 4 3 2 4_原油高騰等の影響業種" xfId="10076"/>
    <cellStyle name="標準 3 3 4 3 2 5" xfId="2521"/>
    <cellStyle name="標準 3 3 4 3 2 5 2" xfId="5473"/>
    <cellStyle name="標準 3 3 4 3 2 5 3" xfId="8425"/>
    <cellStyle name="標準 3 3 4 3 2 5_原油高騰等の影響業種" xfId="10077"/>
    <cellStyle name="標準 3 3 4 3 2 6" xfId="3259"/>
    <cellStyle name="標準 3 3 4 3 2 7" xfId="6211"/>
    <cellStyle name="標準 3 3 4 3 2_原油高騰等の影響業種" xfId="10070"/>
    <cellStyle name="標準 3 3 4 3 3" xfId="496"/>
    <cellStyle name="標準 3 3 4 3 3 2" xfId="1234"/>
    <cellStyle name="標準 3 3 4 3 3 2 2" xfId="4186"/>
    <cellStyle name="標準 3 3 4 3 3 2 3" xfId="7138"/>
    <cellStyle name="標準 3 3 4 3 3 2_原油高騰等の影響業種" xfId="10079"/>
    <cellStyle name="標準 3 3 4 3 3 3" xfId="1972"/>
    <cellStyle name="標準 3 3 4 3 3 3 2" xfId="4924"/>
    <cellStyle name="標準 3 3 4 3 3 3 3" xfId="7876"/>
    <cellStyle name="標準 3 3 4 3 3 3_原油高騰等の影響業種" xfId="10080"/>
    <cellStyle name="標準 3 3 4 3 3 4" xfId="2710"/>
    <cellStyle name="標準 3 3 4 3 3 4 2" xfId="5662"/>
    <cellStyle name="標準 3 3 4 3 3 4 3" xfId="8614"/>
    <cellStyle name="標準 3 3 4 3 3 4_原油高騰等の影響業種" xfId="10081"/>
    <cellStyle name="標準 3 3 4 3 3 5" xfId="3448"/>
    <cellStyle name="標準 3 3 4 3 3 6" xfId="6400"/>
    <cellStyle name="標準 3 3 4 3 3_原油高騰等の影響業種" xfId="10078"/>
    <cellStyle name="標準 3 3 4 3 4" xfId="865"/>
    <cellStyle name="標準 3 3 4 3 4 2" xfId="3817"/>
    <cellStyle name="標準 3 3 4 3 4 3" xfId="6769"/>
    <cellStyle name="標準 3 3 4 3 4_原油高騰等の影響業種" xfId="10082"/>
    <cellStyle name="標準 3 3 4 3 5" xfId="1603"/>
    <cellStyle name="標準 3 3 4 3 5 2" xfId="4555"/>
    <cellStyle name="標準 3 3 4 3 5 3" xfId="7507"/>
    <cellStyle name="標準 3 3 4 3 5_原油高騰等の影響業種" xfId="10083"/>
    <cellStyle name="標準 3 3 4 3 6" xfId="2341"/>
    <cellStyle name="標準 3 3 4 3 6 2" xfId="5293"/>
    <cellStyle name="標準 3 3 4 3 6 3" xfId="8245"/>
    <cellStyle name="標準 3 3 4 3 6_原油高騰等の影響業種" xfId="10084"/>
    <cellStyle name="標準 3 3 4 3 7" xfId="3079"/>
    <cellStyle name="標準 3 3 4 3 8" xfId="6031"/>
    <cellStyle name="標準 3 3 4 3_原油高騰等の影響業種" xfId="10069"/>
    <cellStyle name="標準 3 3 4 4" xfId="168"/>
    <cellStyle name="標準 3 3 4 4 2" xfId="348"/>
    <cellStyle name="標準 3 3 4 4 2 2" xfId="721"/>
    <cellStyle name="標準 3 3 4 4 2 2 2" xfId="1459"/>
    <cellStyle name="標準 3 3 4 4 2 2 2 2" xfId="4411"/>
    <cellStyle name="標準 3 3 4 4 2 2 2 3" xfId="7363"/>
    <cellStyle name="標準 3 3 4 4 2 2 2_原油高騰等の影響業種" xfId="10088"/>
    <cellStyle name="標準 3 3 4 4 2 2 3" xfId="2197"/>
    <cellStyle name="標準 3 3 4 4 2 2 3 2" xfId="5149"/>
    <cellStyle name="標準 3 3 4 4 2 2 3 3" xfId="8101"/>
    <cellStyle name="標準 3 3 4 4 2 2 3_原油高騰等の影響業種" xfId="10089"/>
    <cellStyle name="標準 3 3 4 4 2 2 4" xfId="2935"/>
    <cellStyle name="標準 3 3 4 4 2 2 4 2" xfId="5887"/>
    <cellStyle name="標準 3 3 4 4 2 2 4 3" xfId="8839"/>
    <cellStyle name="標準 3 3 4 4 2 2 4_原油高騰等の影響業種" xfId="10090"/>
    <cellStyle name="標準 3 3 4 4 2 2 5" xfId="3673"/>
    <cellStyle name="標準 3 3 4 4 2 2 6" xfId="6625"/>
    <cellStyle name="標準 3 3 4 4 2 2_原油高騰等の影響業種" xfId="10087"/>
    <cellStyle name="標準 3 3 4 4 2 3" xfId="1090"/>
    <cellStyle name="標準 3 3 4 4 2 3 2" xfId="4042"/>
    <cellStyle name="標準 3 3 4 4 2 3 3" xfId="6994"/>
    <cellStyle name="標準 3 3 4 4 2 3_原油高騰等の影響業種" xfId="10091"/>
    <cellStyle name="標準 3 3 4 4 2 4" xfId="1828"/>
    <cellStyle name="標準 3 3 4 4 2 4 2" xfId="4780"/>
    <cellStyle name="標準 3 3 4 4 2 4 3" xfId="7732"/>
    <cellStyle name="標準 3 3 4 4 2 4_原油高騰等の影響業種" xfId="10092"/>
    <cellStyle name="標準 3 3 4 4 2 5" xfId="2566"/>
    <cellStyle name="標準 3 3 4 4 2 5 2" xfId="5518"/>
    <cellStyle name="標準 3 3 4 4 2 5 3" xfId="8470"/>
    <cellStyle name="標準 3 3 4 4 2 5_原油高騰等の影響業種" xfId="10093"/>
    <cellStyle name="標準 3 3 4 4 2 6" xfId="3304"/>
    <cellStyle name="標準 3 3 4 4 2 7" xfId="6256"/>
    <cellStyle name="標準 3 3 4 4 2_原油高騰等の影響業種" xfId="10086"/>
    <cellStyle name="標準 3 3 4 4 3" xfId="541"/>
    <cellStyle name="標準 3 3 4 4 3 2" xfId="1279"/>
    <cellStyle name="標準 3 3 4 4 3 2 2" xfId="4231"/>
    <cellStyle name="標準 3 3 4 4 3 2 3" xfId="7183"/>
    <cellStyle name="標準 3 3 4 4 3 2_原油高騰等の影響業種" xfId="10095"/>
    <cellStyle name="標準 3 3 4 4 3 3" xfId="2017"/>
    <cellStyle name="標準 3 3 4 4 3 3 2" xfId="4969"/>
    <cellStyle name="標準 3 3 4 4 3 3 3" xfId="7921"/>
    <cellStyle name="標準 3 3 4 4 3 3_原油高騰等の影響業種" xfId="10096"/>
    <cellStyle name="標準 3 3 4 4 3 4" xfId="2755"/>
    <cellStyle name="標準 3 3 4 4 3 4 2" xfId="5707"/>
    <cellStyle name="標準 3 3 4 4 3 4 3" xfId="8659"/>
    <cellStyle name="標準 3 3 4 4 3 4_原油高騰等の影響業種" xfId="10097"/>
    <cellStyle name="標準 3 3 4 4 3 5" xfId="3493"/>
    <cellStyle name="標準 3 3 4 4 3 6" xfId="6445"/>
    <cellStyle name="標準 3 3 4 4 3_原油高騰等の影響業種" xfId="10094"/>
    <cellStyle name="標準 3 3 4 4 4" xfId="910"/>
    <cellStyle name="標準 3 3 4 4 4 2" xfId="3862"/>
    <cellStyle name="標準 3 3 4 4 4 3" xfId="6814"/>
    <cellStyle name="標準 3 3 4 4 4_原油高騰等の影響業種" xfId="10098"/>
    <cellStyle name="標準 3 3 4 4 5" xfId="1648"/>
    <cellStyle name="標準 3 3 4 4 5 2" xfId="4600"/>
    <cellStyle name="標準 3 3 4 4 5 3" xfId="7552"/>
    <cellStyle name="標準 3 3 4 4 5_原油高騰等の影響業種" xfId="10099"/>
    <cellStyle name="標準 3 3 4 4 6" xfId="2386"/>
    <cellStyle name="標準 3 3 4 4 6 2" xfId="5338"/>
    <cellStyle name="標準 3 3 4 4 6 3" xfId="8290"/>
    <cellStyle name="標準 3 3 4 4 6_原油高騰等の影響業種" xfId="10100"/>
    <cellStyle name="標準 3 3 4 4 7" xfId="3124"/>
    <cellStyle name="標準 3 3 4 4 8" xfId="6076"/>
    <cellStyle name="標準 3 3 4 4_原油高騰等の影響業種" xfId="10085"/>
    <cellStyle name="標準 3 3 4 5" xfId="213"/>
    <cellStyle name="標準 3 3 4 5 2" xfId="586"/>
    <cellStyle name="標準 3 3 4 5 2 2" xfId="1324"/>
    <cellStyle name="標準 3 3 4 5 2 2 2" xfId="4276"/>
    <cellStyle name="標準 3 3 4 5 2 2 3" xfId="7228"/>
    <cellStyle name="標準 3 3 4 5 2 2_原油高騰等の影響業種" xfId="10103"/>
    <cellStyle name="標準 3 3 4 5 2 3" xfId="2062"/>
    <cellStyle name="標準 3 3 4 5 2 3 2" xfId="5014"/>
    <cellStyle name="標準 3 3 4 5 2 3 3" xfId="7966"/>
    <cellStyle name="標準 3 3 4 5 2 3_原油高騰等の影響業種" xfId="10104"/>
    <cellStyle name="標準 3 3 4 5 2 4" xfId="2800"/>
    <cellStyle name="標準 3 3 4 5 2 4 2" xfId="5752"/>
    <cellStyle name="標準 3 3 4 5 2 4 3" xfId="8704"/>
    <cellStyle name="標準 3 3 4 5 2 4_原油高騰等の影響業種" xfId="10105"/>
    <cellStyle name="標準 3 3 4 5 2 5" xfId="3538"/>
    <cellStyle name="標準 3 3 4 5 2 6" xfId="6490"/>
    <cellStyle name="標準 3 3 4 5 2_原油高騰等の影響業種" xfId="10102"/>
    <cellStyle name="標準 3 3 4 5 3" xfId="955"/>
    <cellStyle name="標準 3 3 4 5 3 2" xfId="3907"/>
    <cellStyle name="標準 3 3 4 5 3 3" xfId="6859"/>
    <cellStyle name="標準 3 3 4 5 3_原油高騰等の影響業種" xfId="10106"/>
    <cellStyle name="標準 3 3 4 5 4" xfId="1693"/>
    <cellStyle name="標準 3 3 4 5 4 2" xfId="4645"/>
    <cellStyle name="標準 3 3 4 5 4 3" xfId="7597"/>
    <cellStyle name="標準 3 3 4 5 4_原油高騰等の影響業種" xfId="10107"/>
    <cellStyle name="標準 3 3 4 5 5" xfId="2431"/>
    <cellStyle name="標準 3 3 4 5 5 2" xfId="5383"/>
    <cellStyle name="標準 3 3 4 5 5 3" xfId="8335"/>
    <cellStyle name="標準 3 3 4 5 5_原油高騰等の影響業種" xfId="10108"/>
    <cellStyle name="標準 3 3 4 5 6" xfId="3169"/>
    <cellStyle name="標準 3 3 4 5 7" xfId="6121"/>
    <cellStyle name="標準 3 3 4 5_原油高騰等の影響業種" xfId="10101"/>
    <cellStyle name="標準 3 3 4 6" xfId="406"/>
    <cellStyle name="標準 3 3 4 6 2" xfId="1144"/>
    <cellStyle name="標準 3 3 4 6 2 2" xfId="4096"/>
    <cellStyle name="標準 3 3 4 6 2 3" xfId="7048"/>
    <cellStyle name="標準 3 3 4 6 2_原油高騰等の影響業種" xfId="10110"/>
    <cellStyle name="標準 3 3 4 6 3" xfId="1882"/>
    <cellStyle name="標準 3 3 4 6 3 2" xfId="4834"/>
    <cellStyle name="標準 3 3 4 6 3 3" xfId="7786"/>
    <cellStyle name="標準 3 3 4 6 3_原油高騰等の影響業種" xfId="10111"/>
    <cellStyle name="標準 3 3 4 6 4" xfId="2620"/>
    <cellStyle name="標準 3 3 4 6 4 2" xfId="5572"/>
    <cellStyle name="標準 3 3 4 6 4 3" xfId="8524"/>
    <cellStyle name="標準 3 3 4 6 4_原油高騰等の影響業種" xfId="10112"/>
    <cellStyle name="標準 3 3 4 6 5" xfId="3358"/>
    <cellStyle name="標準 3 3 4 6 6" xfId="6310"/>
    <cellStyle name="標準 3 3 4 6_原油高騰等の影響業種" xfId="10109"/>
    <cellStyle name="標準 3 3 4 7" xfId="775"/>
    <cellStyle name="標準 3 3 4 7 2" xfId="3727"/>
    <cellStyle name="標準 3 3 4 7 3" xfId="6679"/>
    <cellStyle name="標準 3 3 4 7_原油高騰等の影響業種" xfId="10113"/>
    <cellStyle name="標準 3 3 4 8" xfId="1513"/>
    <cellStyle name="標準 3 3 4 8 2" xfId="4465"/>
    <cellStyle name="標準 3 3 4 8 3" xfId="7417"/>
    <cellStyle name="標準 3 3 4 8_原油高騰等の影響業種" xfId="10114"/>
    <cellStyle name="標準 3 3 4 9" xfId="2251"/>
    <cellStyle name="標準 3 3 4 9 2" xfId="5203"/>
    <cellStyle name="標準 3 3 4 9 3" xfId="8155"/>
    <cellStyle name="標準 3 3 4 9_原油高騰等の影響業種" xfId="10115"/>
    <cellStyle name="標準 3 3 4_原油高騰等の影響業種" xfId="10052"/>
    <cellStyle name="標準 3 3 5" xfId="51"/>
    <cellStyle name="標準 3 3 5 10" xfId="3007"/>
    <cellStyle name="標準 3 3 5 11" xfId="5959"/>
    <cellStyle name="標準 3 3 5 2" xfId="96"/>
    <cellStyle name="標準 3 3 5 2 2" xfId="276"/>
    <cellStyle name="標準 3 3 5 2 2 2" xfId="649"/>
    <cellStyle name="標準 3 3 5 2 2 2 2" xfId="1387"/>
    <cellStyle name="標準 3 3 5 2 2 2 2 2" xfId="4339"/>
    <cellStyle name="標準 3 3 5 2 2 2 2 3" xfId="7291"/>
    <cellStyle name="標準 3 3 5 2 2 2 2_原油高騰等の影響業種" xfId="10120"/>
    <cellStyle name="標準 3 3 5 2 2 2 3" xfId="2125"/>
    <cellStyle name="標準 3 3 5 2 2 2 3 2" xfId="5077"/>
    <cellStyle name="標準 3 3 5 2 2 2 3 3" xfId="8029"/>
    <cellStyle name="標準 3 3 5 2 2 2 3_原油高騰等の影響業種" xfId="10121"/>
    <cellStyle name="標準 3 3 5 2 2 2 4" xfId="2863"/>
    <cellStyle name="標準 3 3 5 2 2 2 4 2" xfId="5815"/>
    <cellStyle name="標準 3 3 5 2 2 2 4 3" xfId="8767"/>
    <cellStyle name="標準 3 3 5 2 2 2 4_原油高騰等の影響業種" xfId="10122"/>
    <cellStyle name="標準 3 3 5 2 2 2 5" xfId="3601"/>
    <cellStyle name="標準 3 3 5 2 2 2 6" xfId="6553"/>
    <cellStyle name="標準 3 3 5 2 2 2_原油高騰等の影響業種" xfId="10119"/>
    <cellStyle name="標準 3 3 5 2 2 3" xfId="1018"/>
    <cellStyle name="標準 3 3 5 2 2 3 2" xfId="3970"/>
    <cellStyle name="標準 3 3 5 2 2 3 3" xfId="6922"/>
    <cellStyle name="標準 3 3 5 2 2 3_原油高騰等の影響業種" xfId="10123"/>
    <cellStyle name="標準 3 3 5 2 2 4" xfId="1756"/>
    <cellStyle name="標準 3 3 5 2 2 4 2" xfId="4708"/>
    <cellStyle name="標準 3 3 5 2 2 4 3" xfId="7660"/>
    <cellStyle name="標準 3 3 5 2 2 4_原油高騰等の影響業種" xfId="10124"/>
    <cellStyle name="標準 3 3 5 2 2 5" xfId="2494"/>
    <cellStyle name="標準 3 3 5 2 2 5 2" xfId="5446"/>
    <cellStyle name="標準 3 3 5 2 2 5 3" xfId="8398"/>
    <cellStyle name="標準 3 3 5 2 2 5_原油高騰等の影響業種" xfId="10125"/>
    <cellStyle name="標準 3 3 5 2 2 6" xfId="3232"/>
    <cellStyle name="標準 3 3 5 2 2 7" xfId="6184"/>
    <cellStyle name="標準 3 3 5 2 2_原油高騰等の影響業種" xfId="10118"/>
    <cellStyle name="標準 3 3 5 2 3" xfId="469"/>
    <cellStyle name="標準 3 3 5 2 3 2" xfId="1207"/>
    <cellStyle name="標準 3 3 5 2 3 2 2" xfId="4159"/>
    <cellStyle name="標準 3 3 5 2 3 2 3" xfId="7111"/>
    <cellStyle name="標準 3 3 5 2 3 2_原油高騰等の影響業種" xfId="10127"/>
    <cellStyle name="標準 3 3 5 2 3 3" xfId="1945"/>
    <cellStyle name="標準 3 3 5 2 3 3 2" xfId="4897"/>
    <cellStyle name="標準 3 3 5 2 3 3 3" xfId="7849"/>
    <cellStyle name="標準 3 3 5 2 3 3_原油高騰等の影響業種" xfId="10128"/>
    <cellStyle name="標準 3 3 5 2 3 4" xfId="2683"/>
    <cellStyle name="標準 3 3 5 2 3 4 2" xfId="5635"/>
    <cellStyle name="標準 3 3 5 2 3 4 3" xfId="8587"/>
    <cellStyle name="標準 3 3 5 2 3 4_原油高騰等の影響業種" xfId="10129"/>
    <cellStyle name="標準 3 3 5 2 3 5" xfId="3421"/>
    <cellStyle name="標準 3 3 5 2 3 6" xfId="6373"/>
    <cellStyle name="標準 3 3 5 2 3_原油高騰等の影響業種" xfId="10126"/>
    <cellStyle name="標準 3 3 5 2 4" xfId="838"/>
    <cellStyle name="標準 3 3 5 2 4 2" xfId="3790"/>
    <cellStyle name="標準 3 3 5 2 4 3" xfId="6742"/>
    <cellStyle name="標準 3 3 5 2 4_原油高騰等の影響業種" xfId="10130"/>
    <cellStyle name="標準 3 3 5 2 5" xfId="1576"/>
    <cellStyle name="標準 3 3 5 2 5 2" xfId="4528"/>
    <cellStyle name="標準 3 3 5 2 5 3" xfId="7480"/>
    <cellStyle name="標準 3 3 5 2 5_原油高騰等の影響業種" xfId="10131"/>
    <cellStyle name="標準 3 3 5 2 6" xfId="2314"/>
    <cellStyle name="標準 3 3 5 2 6 2" xfId="5266"/>
    <cellStyle name="標準 3 3 5 2 6 3" xfId="8218"/>
    <cellStyle name="標準 3 3 5 2 6_原油高騰等の影響業種" xfId="10132"/>
    <cellStyle name="標準 3 3 5 2 7" xfId="3052"/>
    <cellStyle name="標準 3 3 5 2 8" xfId="6004"/>
    <cellStyle name="標準 3 3 5 2_原油高騰等の影響業種" xfId="10117"/>
    <cellStyle name="標準 3 3 5 3" xfId="141"/>
    <cellStyle name="標準 3 3 5 3 2" xfId="321"/>
    <cellStyle name="標準 3 3 5 3 2 2" xfId="694"/>
    <cellStyle name="標準 3 3 5 3 2 2 2" xfId="1432"/>
    <cellStyle name="標準 3 3 5 3 2 2 2 2" xfId="4384"/>
    <cellStyle name="標準 3 3 5 3 2 2 2 3" xfId="7336"/>
    <cellStyle name="標準 3 3 5 3 2 2 2_原油高騰等の影響業種" xfId="10136"/>
    <cellStyle name="標準 3 3 5 3 2 2 3" xfId="2170"/>
    <cellStyle name="標準 3 3 5 3 2 2 3 2" xfId="5122"/>
    <cellStyle name="標準 3 3 5 3 2 2 3 3" xfId="8074"/>
    <cellStyle name="標準 3 3 5 3 2 2 3_原油高騰等の影響業種" xfId="10137"/>
    <cellStyle name="標準 3 3 5 3 2 2 4" xfId="2908"/>
    <cellStyle name="標準 3 3 5 3 2 2 4 2" xfId="5860"/>
    <cellStyle name="標準 3 3 5 3 2 2 4 3" xfId="8812"/>
    <cellStyle name="標準 3 3 5 3 2 2 4_原油高騰等の影響業種" xfId="10138"/>
    <cellStyle name="標準 3 3 5 3 2 2 5" xfId="3646"/>
    <cellStyle name="標準 3 3 5 3 2 2 6" xfId="6598"/>
    <cellStyle name="標準 3 3 5 3 2 2_原油高騰等の影響業種" xfId="10135"/>
    <cellStyle name="標準 3 3 5 3 2 3" xfId="1063"/>
    <cellStyle name="標準 3 3 5 3 2 3 2" xfId="4015"/>
    <cellStyle name="標準 3 3 5 3 2 3 3" xfId="6967"/>
    <cellStyle name="標準 3 3 5 3 2 3_原油高騰等の影響業種" xfId="10139"/>
    <cellStyle name="標準 3 3 5 3 2 4" xfId="1801"/>
    <cellStyle name="標準 3 3 5 3 2 4 2" xfId="4753"/>
    <cellStyle name="標準 3 3 5 3 2 4 3" xfId="7705"/>
    <cellStyle name="標準 3 3 5 3 2 4_原油高騰等の影響業種" xfId="10140"/>
    <cellStyle name="標準 3 3 5 3 2 5" xfId="2539"/>
    <cellStyle name="標準 3 3 5 3 2 5 2" xfId="5491"/>
    <cellStyle name="標準 3 3 5 3 2 5 3" xfId="8443"/>
    <cellStyle name="標準 3 3 5 3 2 5_原油高騰等の影響業種" xfId="10141"/>
    <cellStyle name="標準 3 3 5 3 2 6" xfId="3277"/>
    <cellStyle name="標準 3 3 5 3 2 7" xfId="6229"/>
    <cellStyle name="標準 3 3 5 3 2_原油高騰等の影響業種" xfId="10134"/>
    <cellStyle name="標準 3 3 5 3 3" xfId="514"/>
    <cellStyle name="標準 3 3 5 3 3 2" xfId="1252"/>
    <cellStyle name="標準 3 3 5 3 3 2 2" xfId="4204"/>
    <cellStyle name="標準 3 3 5 3 3 2 3" xfId="7156"/>
    <cellStyle name="標準 3 3 5 3 3 2_原油高騰等の影響業種" xfId="10143"/>
    <cellStyle name="標準 3 3 5 3 3 3" xfId="1990"/>
    <cellStyle name="標準 3 3 5 3 3 3 2" xfId="4942"/>
    <cellStyle name="標準 3 3 5 3 3 3 3" xfId="7894"/>
    <cellStyle name="標準 3 3 5 3 3 3_原油高騰等の影響業種" xfId="10144"/>
    <cellStyle name="標準 3 3 5 3 3 4" xfId="2728"/>
    <cellStyle name="標準 3 3 5 3 3 4 2" xfId="5680"/>
    <cellStyle name="標準 3 3 5 3 3 4 3" xfId="8632"/>
    <cellStyle name="標準 3 3 5 3 3 4_原油高騰等の影響業種" xfId="10145"/>
    <cellStyle name="標準 3 3 5 3 3 5" xfId="3466"/>
    <cellStyle name="標準 3 3 5 3 3 6" xfId="6418"/>
    <cellStyle name="標準 3 3 5 3 3_原油高騰等の影響業種" xfId="10142"/>
    <cellStyle name="標準 3 3 5 3 4" xfId="883"/>
    <cellStyle name="標準 3 3 5 3 4 2" xfId="3835"/>
    <cellStyle name="標準 3 3 5 3 4 3" xfId="6787"/>
    <cellStyle name="標準 3 3 5 3 4_原油高騰等の影響業種" xfId="10146"/>
    <cellStyle name="標準 3 3 5 3 5" xfId="1621"/>
    <cellStyle name="標準 3 3 5 3 5 2" xfId="4573"/>
    <cellStyle name="標準 3 3 5 3 5 3" xfId="7525"/>
    <cellStyle name="標準 3 3 5 3 5_原油高騰等の影響業種" xfId="10147"/>
    <cellStyle name="標準 3 3 5 3 6" xfId="2359"/>
    <cellStyle name="標準 3 3 5 3 6 2" xfId="5311"/>
    <cellStyle name="標準 3 3 5 3 6 3" xfId="8263"/>
    <cellStyle name="標準 3 3 5 3 6_原油高騰等の影響業種" xfId="10148"/>
    <cellStyle name="標準 3 3 5 3 7" xfId="3097"/>
    <cellStyle name="標準 3 3 5 3 8" xfId="6049"/>
    <cellStyle name="標準 3 3 5 3_原油高騰等の影響業種" xfId="10133"/>
    <cellStyle name="標準 3 3 5 4" xfId="186"/>
    <cellStyle name="標準 3 3 5 4 2" xfId="366"/>
    <cellStyle name="標準 3 3 5 4 2 2" xfId="739"/>
    <cellStyle name="標準 3 3 5 4 2 2 2" xfId="1477"/>
    <cellStyle name="標準 3 3 5 4 2 2 2 2" xfId="4429"/>
    <cellStyle name="標準 3 3 5 4 2 2 2 3" xfId="7381"/>
    <cellStyle name="標準 3 3 5 4 2 2 2_原油高騰等の影響業種" xfId="10152"/>
    <cellStyle name="標準 3 3 5 4 2 2 3" xfId="2215"/>
    <cellStyle name="標準 3 3 5 4 2 2 3 2" xfId="5167"/>
    <cellStyle name="標準 3 3 5 4 2 2 3 3" xfId="8119"/>
    <cellStyle name="標準 3 3 5 4 2 2 3_原油高騰等の影響業種" xfId="10153"/>
    <cellStyle name="標準 3 3 5 4 2 2 4" xfId="2953"/>
    <cellStyle name="標準 3 3 5 4 2 2 4 2" xfId="5905"/>
    <cellStyle name="標準 3 3 5 4 2 2 4 3" xfId="8857"/>
    <cellStyle name="標準 3 3 5 4 2 2 4_原油高騰等の影響業種" xfId="10154"/>
    <cellStyle name="標準 3 3 5 4 2 2 5" xfId="3691"/>
    <cellStyle name="標準 3 3 5 4 2 2 6" xfId="6643"/>
    <cellStyle name="標準 3 3 5 4 2 2_原油高騰等の影響業種" xfId="10151"/>
    <cellStyle name="標準 3 3 5 4 2 3" xfId="1108"/>
    <cellStyle name="標準 3 3 5 4 2 3 2" xfId="4060"/>
    <cellStyle name="標準 3 3 5 4 2 3 3" xfId="7012"/>
    <cellStyle name="標準 3 3 5 4 2 3_原油高騰等の影響業種" xfId="10155"/>
    <cellStyle name="標準 3 3 5 4 2 4" xfId="1846"/>
    <cellStyle name="標準 3 3 5 4 2 4 2" xfId="4798"/>
    <cellStyle name="標準 3 3 5 4 2 4 3" xfId="7750"/>
    <cellStyle name="標準 3 3 5 4 2 4_原油高騰等の影響業種" xfId="10156"/>
    <cellStyle name="標準 3 3 5 4 2 5" xfId="2584"/>
    <cellStyle name="標準 3 3 5 4 2 5 2" xfId="5536"/>
    <cellStyle name="標準 3 3 5 4 2 5 3" xfId="8488"/>
    <cellStyle name="標準 3 3 5 4 2 5_原油高騰等の影響業種" xfId="10157"/>
    <cellStyle name="標準 3 3 5 4 2 6" xfId="3322"/>
    <cellStyle name="標準 3 3 5 4 2 7" xfId="6274"/>
    <cellStyle name="標準 3 3 5 4 2_原油高騰等の影響業種" xfId="10150"/>
    <cellStyle name="標準 3 3 5 4 3" xfId="559"/>
    <cellStyle name="標準 3 3 5 4 3 2" xfId="1297"/>
    <cellStyle name="標準 3 3 5 4 3 2 2" xfId="4249"/>
    <cellStyle name="標準 3 3 5 4 3 2 3" xfId="7201"/>
    <cellStyle name="標準 3 3 5 4 3 2_原油高騰等の影響業種" xfId="10159"/>
    <cellStyle name="標準 3 3 5 4 3 3" xfId="2035"/>
    <cellStyle name="標準 3 3 5 4 3 3 2" xfId="4987"/>
    <cellStyle name="標準 3 3 5 4 3 3 3" xfId="7939"/>
    <cellStyle name="標準 3 3 5 4 3 3_原油高騰等の影響業種" xfId="10160"/>
    <cellStyle name="標準 3 3 5 4 3 4" xfId="2773"/>
    <cellStyle name="標準 3 3 5 4 3 4 2" xfId="5725"/>
    <cellStyle name="標準 3 3 5 4 3 4 3" xfId="8677"/>
    <cellStyle name="標準 3 3 5 4 3 4_原油高騰等の影響業種" xfId="10161"/>
    <cellStyle name="標準 3 3 5 4 3 5" xfId="3511"/>
    <cellStyle name="標準 3 3 5 4 3 6" xfId="6463"/>
    <cellStyle name="標準 3 3 5 4 3_原油高騰等の影響業種" xfId="10158"/>
    <cellStyle name="標準 3 3 5 4 4" xfId="928"/>
    <cellStyle name="標準 3 3 5 4 4 2" xfId="3880"/>
    <cellStyle name="標準 3 3 5 4 4 3" xfId="6832"/>
    <cellStyle name="標準 3 3 5 4 4_原油高騰等の影響業種" xfId="10162"/>
    <cellStyle name="標準 3 3 5 4 5" xfId="1666"/>
    <cellStyle name="標準 3 3 5 4 5 2" xfId="4618"/>
    <cellStyle name="標準 3 3 5 4 5 3" xfId="7570"/>
    <cellStyle name="標準 3 3 5 4 5_原油高騰等の影響業種" xfId="10163"/>
    <cellStyle name="標準 3 3 5 4 6" xfId="2404"/>
    <cellStyle name="標準 3 3 5 4 6 2" xfId="5356"/>
    <cellStyle name="標準 3 3 5 4 6 3" xfId="8308"/>
    <cellStyle name="標準 3 3 5 4 6_原油高騰等の影響業種" xfId="10164"/>
    <cellStyle name="標準 3 3 5 4 7" xfId="3142"/>
    <cellStyle name="標準 3 3 5 4 8" xfId="6094"/>
    <cellStyle name="標準 3 3 5 4_原油高騰等の影響業種" xfId="10149"/>
    <cellStyle name="標準 3 3 5 5" xfId="231"/>
    <cellStyle name="標準 3 3 5 5 2" xfId="604"/>
    <cellStyle name="標準 3 3 5 5 2 2" xfId="1342"/>
    <cellStyle name="標準 3 3 5 5 2 2 2" xfId="4294"/>
    <cellStyle name="標準 3 3 5 5 2 2 3" xfId="7246"/>
    <cellStyle name="標準 3 3 5 5 2 2_原油高騰等の影響業種" xfId="10167"/>
    <cellStyle name="標準 3 3 5 5 2 3" xfId="2080"/>
    <cellStyle name="標準 3 3 5 5 2 3 2" xfId="5032"/>
    <cellStyle name="標準 3 3 5 5 2 3 3" xfId="7984"/>
    <cellStyle name="標準 3 3 5 5 2 3_原油高騰等の影響業種" xfId="10168"/>
    <cellStyle name="標準 3 3 5 5 2 4" xfId="2818"/>
    <cellStyle name="標準 3 3 5 5 2 4 2" xfId="5770"/>
    <cellStyle name="標準 3 3 5 5 2 4 3" xfId="8722"/>
    <cellStyle name="標準 3 3 5 5 2 4_原油高騰等の影響業種" xfId="10169"/>
    <cellStyle name="標準 3 3 5 5 2 5" xfId="3556"/>
    <cellStyle name="標準 3 3 5 5 2 6" xfId="6508"/>
    <cellStyle name="標準 3 3 5 5 2_原油高騰等の影響業種" xfId="10166"/>
    <cellStyle name="標準 3 3 5 5 3" xfId="973"/>
    <cellStyle name="標準 3 3 5 5 3 2" xfId="3925"/>
    <cellStyle name="標準 3 3 5 5 3 3" xfId="6877"/>
    <cellStyle name="標準 3 3 5 5 3_原油高騰等の影響業種" xfId="10170"/>
    <cellStyle name="標準 3 3 5 5 4" xfId="1711"/>
    <cellStyle name="標準 3 3 5 5 4 2" xfId="4663"/>
    <cellStyle name="標準 3 3 5 5 4 3" xfId="7615"/>
    <cellStyle name="標準 3 3 5 5 4_原油高騰等の影響業種" xfId="10171"/>
    <cellStyle name="標準 3 3 5 5 5" xfId="2449"/>
    <cellStyle name="標準 3 3 5 5 5 2" xfId="5401"/>
    <cellStyle name="標準 3 3 5 5 5 3" xfId="8353"/>
    <cellStyle name="標準 3 3 5 5 5_原油高騰等の影響業種" xfId="10172"/>
    <cellStyle name="標準 3 3 5 5 6" xfId="3187"/>
    <cellStyle name="標準 3 3 5 5 7" xfId="6139"/>
    <cellStyle name="標準 3 3 5 5_原油高騰等の影響業種" xfId="10165"/>
    <cellStyle name="標準 3 3 5 6" xfId="424"/>
    <cellStyle name="標準 3 3 5 6 2" xfId="1162"/>
    <cellStyle name="標準 3 3 5 6 2 2" xfId="4114"/>
    <cellStyle name="標準 3 3 5 6 2 3" xfId="7066"/>
    <cellStyle name="標準 3 3 5 6 2_原油高騰等の影響業種" xfId="10174"/>
    <cellStyle name="標準 3 3 5 6 3" xfId="1900"/>
    <cellStyle name="標準 3 3 5 6 3 2" xfId="4852"/>
    <cellStyle name="標準 3 3 5 6 3 3" xfId="7804"/>
    <cellStyle name="標準 3 3 5 6 3_原油高騰等の影響業種" xfId="10175"/>
    <cellStyle name="標準 3 3 5 6 4" xfId="2638"/>
    <cellStyle name="標準 3 3 5 6 4 2" xfId="5590"/>
    <cellStyle name="標準 3 3 5 6 4 3" xfId="8542"/>
    <cellStyle name="標準 3 3 5 6 4_原油高騰等の影響業種" xfId="10176"/>
    <cellStyle name="標準 3 3 5 6 5" xfId="3376"/>
    <cellStyle name="標準 3 3 5 6 6" xfId="6328"/>
    <cellStyle name="標準 3 3 5 6_原油高騰等の影響業種" xfId="10173"/>
    <cellStyle name="標準 3 3 5 7" xfId="793"/>
    <cellStyle name="標準 3 3 5 7 2" xfId="3745"/>
    <cellStyle name="標準 3 3 5 7 3" xfId="6697"/>
    <cellStyle name="標準 3 3 5 7_原油高騰等の影響業種" xfId="10177"/>
    <cellStyle name="標準 3 3 5 8" xfId="1531"/>
    <cellStyle name="標準 3 3 5 8 2" xfId="4483"/>
    <cellStyle name="標準 3 3 5 8 3" xfId="7435"/>
    <cellStyle name="標準 3 3 5 8_原油高騰等の影響業種" xfId="10178"/>
    <cellStyle name="標準 3 3 5 9" xfId="2269"/>
    <cellStyle name="標準 3 3 5 9 2" xfId="5221"/>
    <cellStyle name="標準 3 3 5 9 3" xfId="8173"/>
    <cellStyle name="標準 3 3 5 9_原油高騰等の影響業種" xfId="10179"/>
    <cellStyle name="標準 3 3 5_原油高騰等の影響業種" xfId="10116"/>
    <cellStyle name="標準 3 3 6" xfId="60"/>
    <cellStyle name="標準 3 3 6 2" xfId="240"/>
    <cellStyle name="標準 3 3 6 2 2" xfId="613"/>
    <cellStyle name="標準 3 3 6 2 2 2" xfId="1351"/>
    <cellStyle name="標準 3 3 6 2 2 2 2" xfId="4303"/>
    <cellStyle name="標準 3 3 6 2 2 2 3" xfId="7255"/>
    <cellStyle name="標準 3 3 6 2 2 2_原油高騰等の影響業種" xfId="10183"/>
    <cellStyle name="標準 3 3 6 2 2 3" xfId="2089"/>
    <cellStyle name="標準 3 3 6 2 2 3 2" xfId="5041"/>
    <cellStyle name="標準 3 3 6 2 2 3 3" xfId="7993"/>
    <cellStyle name="標準 3 3 6 2 2 3_原油高騰等の影響業種" xfId="10184"/>
    <cellStyle name="標準 3 3 6 2 2 4" xfId="2827"/>
    <cellStyle name="標準 3 3 6 2 2 4 2" xfId="5779"/>
    <cellStyle name="標準 3 3 6 2 2 4 3" xfId="8731"/>
    <cellStyle name="標準 3 3 6 2 2 4_原油高騰等の影響業種" xfId="10185"/>
    <cellStyle name="標準 3 3 6 2 2 5" xfId="3565"/>
    <cellStyle name="標準 3 3 6 2 2 6" xfId="6517"/>
    <cellStyle name="標準 3 3 6 2 2_原油高騰等の影響業種" xfId="10182"/>
    <cellStyle name="標準 3 3 6 2 3" xfId="982"/>
    <cellStyle name="標準 3 3 6 2 3 2" xfId="3934"/>
    <cellStyle name="標準 3 3 6 2 3 3" xfId="6886"/>
    <cellStyle name="標準 3 3 6 2 3_原油高騰等の影響業種" xfId="10186"/>
    <cellStyle name="標準 3 3 6 2 4" xfId="1720"/>
    <cellStyle name="標準 3 3 6 2 4 2" xfId="4672"/>
    <cellStyle name="標準 3 3 6 2 4 3" xfId="7624"/>
    <cellStyle name="標準 3 3 6 2 4_原油高騰等の影響業種" xfId="10187"/>
    <cellStyle name="標準 3 3 6 2 5" xfId="2458"/>
    <cellStyle name="標準 3 3 6 2 5 2" xfId="5410"/>
    <cellStyle name="標準 3 3 6 2 5 3" xfId="8362"/>
    <cellStyle name="標準 3 3 6 2 5_原油高騰等の影響業種" xfId="10188"/>
    <cellStyle name="標準 3 3 6 2 6" xfId="3196"/>
    <cellStyle name="標準 3 3 6 2 7" xfId="6148"/>
    <cellStyle name="標準 3 3 6 2_原油高騰等の影響業種" xfId="10181"/>
    <cellStyle name="標準 3 3 6 3" xfId="433"/>
    <cellStyle name="標準 3 3 6 3 2" xfId="1171"/>
    <cellStyle name="標準 3 3 6 3 2 2" xfId="4123"/>
    <cellStyle name="標準 3 3 6 3 2 3" xfId="7075"/>
    <cellStyle name="標準 3 3 6 3 2_原油高騰等の影響業種" xfId="10190"/>
    <cellStyle name="標準 3 3 6 3 3" xfId="1909"/>
    <cellStyle name="標準 3 3 6 3 3 2" xfId="4861"/>
    <cellStyle name="標準 3 3 6 3 3 3" xfId="7813"/>
    <cellStyle name="標準 3 3 6 3 3_原油高騰等の影響業種" xfId="10191"/>
    <cellStyle name="標準 3 3 6 3 4" xfId="2647"/>
    <cellStyle name="標準 3 3 6 3 4 2" xfId="5599"/>
    <cellStyle name="標準 3 3 6 3 4 3" xfId="8551"/>
    <cellStyle name="標準 3 3 6 3 4_原油高騰等の影響業種" xfId="10192"/>
    <cellStyle name="標準 3 3 6 3 5" xfId="3385"/>
    <cellStyle name="標準 3 3 6 3 6" xfId="6337"/>
    <cellStyle name="標準 3 3 6 3_原油高騰等の影響業種" xfId="10189"/>
    <cellStyle name="標準 3 3 6 4" xfId="802"/>
    <cellStyle name="標準 3 3 6 4 2" xfId="3754"/>
    <cellStyle name="標準 3 3 6 4 3" xfId="6706"/>
    <cellStyle name="標準 3 3 6 4_原油高騰等の影響業種" xfId="10193"/>
    <cellStyle name="標準 3 3 6 5" xfId="1540"/>
    <cellStyle name="標準 3 3 6 5 2" xfId="4492"/>
    <cellStyle name="標準 3 3 6 5 3" xfId="7444"/>
    <cellStyle name="標準 3 3 6 5_原油高騰等の影響業種" xfId="10194"/>
    <cellStyle name="標準 3 3 6 6" xfId="2278"/>
    <cellStyle name="標準 3 3 6 6 2" xfId="5230"/>
    <cellStyle name="標準 3 3 6 6 3" xfId="8182"/>
    <cellStyle name="標準 3 3 6 6_原油高騰等の影響業種" xfId="10195"/>
    <cellStyle name="標準 3 3 6 7" xfId="3016"/>
    <cellStyle name="標準 3 3 6 8" xfId="5968"/>
    <cellStyle name="標準 3 3 6_原油高騰等の影響業種" xfId="10180"/>
    <cellStyle name="標準 3 3 7" xfId="105"/>
    <cellStyle name="標準 3 3 7 2" xfId="285"/>
    <cellStyle name="標準 3 3 7 2 2" xfId="658"/>
    <cellStyle name="標準 3 3 7 2 2 2" xfId="1396"/>
    <cellStyle name="標準 3 3 7 2 2 2 2" xfId="4348"/>
    <cellStyle name="標準 3 3 7 2 2 2 3" xfId="7300"/>
    <cellStyle name="標準 3 3 7 2 2 2_原油高騰等の影響業種" xfId="10199"/>
    <cellStyle name="標準 3 3 7 2 2 3" xfId="2134"/>
    <cellStyle name="標準 3 3 7 2 2 3 2" xfId="5086"/>
    <cellStyle name="標準 3 3 7 2 2 3 3" xfId="8038"/>
    <cellStyle name="標準 3 3 7 2 2 3_原油高騰等の影響業種" xfId="10200"/>
    <cellStyle name="標準 3 3 7 2 2 4" xfId="2872"/>
    <cellStyle name="標準 3 3 7 2 2 4 2" xfId="5824"/>
    <cellStyle name="標準 3 3 7 2 2 4 3" xfId="8776"/>
    <cellStyle name="標準 3 3 7 2 2 4_原油高騰等の影響業種" xfId="10201"/>
    <cellStyle name="標準 3 3 7 2 2 5" xfId="3610"/>
    <cellStyle name="標準 3 3 7 2 2 6" xfId="6562"/>
    <cellStyle name="標準 3 3 7 2 2_原油高騰等の影響業種" xfId="10198"/>
    <cellStyle name="標準 3 3 7 2 3" xfId="1027"/>
    <cellStyle name="標準 3 3 7 2 3 2" xfId="3979"/>
    <cellStyle name="標準 3 3 7 2 3 3" xfId="6931"/>
    <cellStyle name="標準 3 3 7 2 3_原油高騰等の影響業種" xfId="10202"/>
    <cellStyle name="標準 3 3 7 2 4" xfId="1765"/>
    <cellStyle name="標準 3 3 7 2 4 2" xfId="4717"/>
    <cellStyle name="標準 3 3 7 2 4 3" xfId="7669"/>
    <cellStyle name="標準 3 3 7 2 4_原油高騰等の影響業種" xfId="10203"/>
    <cellStyle name="標準 3 3 7 2 5" xfId="2503"/>
    <cellStyle name="標準 3 3 7 2 5 2" xfId="5455"/>
    <cellStyle name="標準 3 3 7 2 5 3" xfId="8407"/>
    <cellStyle name="標準 3 3 7 2 5_原油高騰等の影響業種" xfId="10204"/>
    <cellStyle name="標準 3 3 7 2 6" xfId="3241"/>
    <cellStyle name="標準 3 3 7 2 7" xfId="6193"/>
    <cellStyle name="標準 3 3 7 2_原油高騰等の影響業種" xfId="10197"/>
    <cellStyle name="標準 3 3 7 3" xfId="478"/>
    <cellStyle name="標準 3 3 7 3 2" xfId="1216"/>
    <cellStyle name="標準 3 3 7 3 2 2" xfId="4168"/>
    <cellStyle name="標準 3 3 7 3 2 3" xfId="7120"/>
    <cellStyle name="標準 3 3 7 3 2_原油高騰等の影響業種" xfId="10206"/>
    <cellStyle name="標準 3 3 7 3 3" xfId="1954"/>
    <cellStyle name="標準 3 3 7 3 3 2" xfId="4906"/>
    <cellStyle name="標準 3 3 7 3 3 3" xfId="7858"/>
    <cellStyle name="標準 3 3 7 3 3_原油高騰等の影響業種" xfId="10207"/>
    <cellStyle name="標準 3 3 7 3 4" xfId="2692"/>
    <cellStyle name="標準 3 3 7 3 4 2" xfId="5644"/>
    <cellStyle name="標準 3 3 7 3 4 3" xfId="8596"/>
    <cellStyle name="標準 3 3 7 3 4_原油高騰等の影響業種" xfId="10208"/>
    <cellStyle name="標準 3 3 7 3 5" xfId="3430"/>
    <cellStyle name="標準 3 3 7 3 6" xfId="6382"/>
    <cellStyle name="標準 3 3 7 3_原油高騰等の影響業種" xfId="10205"/>
    <cellStyle name="標準 3 3 7 4" xfId="847"/>
    <cellStyle name="標準 3 3 7 4 2" xfId="3799"/>
    <cellStyle name="標準 3 3 7 4 3" xfId="6751"/>
    <cellStyle name="標準 3 3 7 4_原油高騰等の影響業種" xfId="10209"/>
    <cellStyle name="標準 3 3 7 5" xfId="1585"/>
    <cellStyle name="標準 3 3 7 5 2" xfId="4537"/>
    <cellStyle name="標準 3 3 7 5 3" xfId="7489"/>
    <cellStyle name="標準 3 3 7 5_原油高騰等の影響業種" xfId="10210"/>
    <cellStyle name="標準 3 3 7 6" xfId="2323"/>
    <cellStyle name="標準 3 3 7 6 2" xfId="5275"/>
    <cellStyle name="標準 3 3 7 6 3" xfId="8227"/>
    <cellStyle name="標準 3 3 7 6_原油高騰等の影響業種" xfId="10211"/>
    <cellStyle name="標準 3 3 7 7" xfId="3061"/>
    <cellStyle name="標準 3 3 7 8" xfId="6013"/>
    <cellStyle name="標準 3 3 7_原油高騰等の影響業種" xfId="10196"/>
    <cellStyle name="標準 3 3 8" xfId="150"/>
    <cellStyle name="標準 3 3 8 2" xfId="330"/>
    <cellStyle name="標準 3 3 8 2 2" xfId="703"/>
    <cellStyle name="標準 3 3 8 2 2 2" xfId="1441"/>
    <cellStyle name="標準 3 3 8 2 2 2 2" xfId="4393"/>
    <cellStyle name="標準 3 3 8 2 2 2 3" xfId="7345"/>
    <cellStyle name="標準 3 3 8 2 2 2_原油高騰等の影響業種" xfId="10215"/>
    <cellStyle name="標準 3 3 8 2 2 3" xfId="2179"/>
    <cellStyle name="標準 3 3 8 2 2 3 2" xfId="5131"/>
    <cellStyle name="標準 3 3 8 2 2 3 3" xfId="8083"/>
    <cellStyle name="標準 3 3 8 2 2 3_原油高騰等の影響業種" xfId="10216"/>
    <cellStyle name="標準 3 3 8 2 2 4" xfId="2917"/>
    <cellStyle name="標準 3 3 8 2 2 4 2" xfId="5869"/>
    <cellStyle name="標準 3 3 8 2 2 4 3" xfId="8821"/>
    <cellStyle name="標準 3 3 8 2 2 4_原油高騰等の影響業種" xfId="10217"/>
    <cellStyle name="標準 3 3 8 2 2 5" xfId="3655"/>
    <cellStyle name="標準 3 3 8 2 2 6" xfId="6607"/>
    <cellStyle name="標準 3 3 8 2 2_原油高騰等の影響業種" xfId="10214"/>
    <cellStyle name="標準 3 3 8 2 3" xfId="1072"/>
    <cellStyle name="標準 3 3 8 2 3 2" xfId="4024"/>
    <cellStyle name="標準 3 3 8 2 3 3" xfId="6976"/>
    <cellStyle name="標準 3 3 8 2 3_原油高騰等の影響業種" xfId="10218"/>
    <cellStyle name="標準 3 3 8 2 4" xfId="1810"/>
    <cellStyle name="標準 3 3 8 2 4 2" xfId="4762"/>
    <cellStyle name="標準 3 3 8 2 4 3" xfId="7714"/>
    <cellStyle name="標準 3 3 8 2 4_原油高騰等の影響業種" xfId="10219"/>
    <cellStyle name="標準 3 3 8 2 5" xfId="2548"/>
    <cellStyle name="標準 3 3 8 2 5 2" xfId="5500"/>
    <cellStyle name="標準 3 3 8 2 5 3" xfId="8452"/>
    <cellStyle name="標準 3 3 8 2 5_原油高騰等の影響業種" xfId="10220"/>
    <cellStyle name="標準 3 3 8 2 6" xfId="3286"/>
    <cellStyle name="標準 3 3 8 2 7" xfId="6238"/>
    <cellStyle name="標準 3 3 8 2_原油高騰等の影響業種" xfId="10213"/>
    <cellStyle name="標準 3 3 8 3" xfId="523"/>
    <cellStyle name="標準 3 3 8 3 2" xfId="1261"/>
    <cellStyle name="標準 3 3 8 3 2 2" xfId="4213"/>
    <cellStyle name="標準 3 3 8 3 2 3" xfId="7165"/>
    <cellStyle name="標準 3 3 8 3 2_原油高騰等の影響業種" xfId="10222"/>
    <cellStyle name="標準 3 3 8 3 3" xfId="1999"/>
    <cellStyle name="標準 3 3 8 3 3 2" xfId="4951"/>
    <cellStyle name="標準 3 3 8 3 3 3" xfId="7903"/>
    <cellStyle name="標準 3 3 8 3 3_原油高騰等の影響業種" xfId="10223"/>
    <cellStyle name="標準 3 3 8 3 4" xfId="2737"/>
    <cellStyle name="標準 3 3 8 3 4 2" xfId="5689"/>
    <cellStyle name="標準 3 3 8 3 4 3" xfId="8641"/>
    <cellStyle name="標準 3 3 8 3 4_原油高騰等の影響業種" xfId="10224"/>
    <cellStyle name="標準 3 3 8 3 5" xfId="3475"/>
    <cellStyle name="標準 3 3 8 3 6" xfId="6427"/>
    <cellStyle name="標準 3 3 8 3_原油高騰等の影響業種" xfId="10221"/>
    <cellStyle name="標準 3 3 8 4" xfId="892"/>
    <cellStyle name="標準 3 3 8 4 2" xfId="3844"/>
    <cellStyle name="標準 3 3 8 4 3" xfId="6796"/>
    <cellStyle name="標準 3 3 8 4_原油高騰等の影響業種" xfId="10225"/>
    <cellStyle name="標準 3 3 8 5" xfId="1630"/>
    <cellStyle name="標準 3 3 8 5 2" xfId="4582"/>
    <cellStyle name="標準 3 3 8 5 3" xfId="7534"/>
    <cellStyle name="標準 3 3 8 5_原油高騰等の影響業種" xfId="10226"/>
    <cellStyle name="標準 3 3 8 6" xfId="2368"/>
    <cellStyle name="標準 3 3 8 6 2" xfId="5320"/>
    <cellStyle name="標準 3 3 8 6 3" xfId="8272"/>
    <cellStyle name="標準 3 3 8 6_原油高騰等の影響業種" xfId="10227"/>
    <cellStyle name="標準 3 3 8 7" xfId="3106"/>
    <cellStyle name="標準 3 3 8 8" xfId="6058"/>
    <cellStyle name="標準 3 3 8_原油高騰等の影響業種" xfId="10212"/>
    <cellStyle name="標準 3 3 9" xfId="195"/>
    <cellStyle name="標準 3 3 9 2" xfId="568"/>
    <cellStyle name="標準 3 3 9 2 2" xfId="1306"/>
    <cellStyle name="標準 3 3 9 2 2 2" xfId="4258"/>
    <cellStyle name="標準 3 3 9 2 2 3" xfId="7210"/>
    <cellStyle name="標準 3 3 9 2 2_原油高騰等の影響業種" xfId="10230"/>
    <cellStyle name="標準 3 3 9 2 3" xfId="2044"/>
    <cellStyle name="標準 3 3 9 2 3 2" xfId="4996"/>
    <cellStyle name="標準 3 3 9 2 3 3" xfId="7948"/>
    <cellStyle name="標準 3 3 9 2 3_原油高騰等の影響業種" xfId="10231"/>
    <cellStyle name="標準 3 3 9 2 4" xfId="2782"/>
    <cellStyle name="標準 3 3 9 2 4 2" xfId="5734"/>
    <cellStyle name="標準 3 3 9 2 4 3" xfId="8686"/>
    <cellStyle name="標準 3 3 9 2 4_原油高騰等の影響業種" xfId="10232"/>
    <cellStyle name="標準 3 3 9 2 5" xfId="3520"/>
    <cellStyle name="標準 3 3 9 2 6" xfId="6472"/>
    <cellStyle name="標準 3 3 9 2_原油高騰等の影響業種" xfId="10229"/>
    <cellStyle name="標準 3 3 9 3" xfId="937"/>
    <cellStyle name="標準 3 3 9 3 2" xfId="3889"/>
    <cellStyle name="標準 3 3 9 3 3" xfId="6841"/>
    <cellStyle name="標準 3 3 9 3_原油高騰等の影響業種" xfId="10233"/>
    <cellStyle name="標準 3 3 9 4" xfId="1675"/>
    <cellStyle name="標準 3 3 9 4 2" xfId="4627"/>
    <cellStyle name="標準 3 3 9 4 3" xfId="7579"/>
    <cellStyle name="標準 3 3 9 4_原油高騰等の影響業種" xfId="10234"/>
    <cellStyle name="標準 3 3 9 5" xfId="2413"/>
    <cellStyle name="標準 3 3 9 5 2" xfId="5365"/>
    <cellStyle name="標準 3 3 9 5 3" xfId="8317"/>
    <cellStyle name="標準 3 3 9 5_原油高騰等の影響業種" xfId="10235"/>
    <cellStyle name="標準 3 3 9 6" xfId="3151"/>
    <cellStyle name="標準 3 3 9 7" xfId="6103"/>
    <cellStyle name="標準 3 3 9_原油高騰等の影響業種" xfId="10228"/>
    <cellStyle name="標準 3 3_原油高騰等の影響業種" xfId="9596"/>
    <cellStyle name="標準 3 4" xfId="17"/>
    <cellStyle name="標準 3 4 10" xfId="390"/>
    <cellStyle name="標準 3 4 10 2" xfId="1128"/>
    <cellStyle name="標準 3 4 10 2 2" xfId="4080"/>
    <cellStyle name="標準 3 4 10 2 3" xfId="7032"/>
    <cellStyle name="標準 3 4 10 2_原油高騰等の影響業種" xfId="10238"/>
    <cellStyle name="標準 3 4 10 3" xfId="1866"/>
    <cellStyle name="標準 3 4 10 3 2" xfId="4818"/>
    <cellStyle name="標準 3 4 10 3 3" xfId="7770"/>
    <cellStyle name="標準 3 4 10 3_原油高騰等の影響業種" xfId="10239"/>
    <cellStyle name="標準 3 4 10 4" xfId="2604"/>
    <cellStyle name="標準 3 4 10 4 2" xfId="5556"/>
    <cellStyle name="標準 3 4 10 4 3" xfId="8508"/>
    <cellStyle name="標準 3 4 10 4_原油高騰等の影響業種" xfId="10240"/>
    <cellStyle name="標準 3 4 10 5" xfId="3342"/>
    <cellStyle name="標準 3 4 10 6" xfId="6294"/>
    <cellStyle name="標準 3 4 10_原油高騰等の影響業種" xfId="10237"/>
    <cellStyle name="標準 3 4 11" xfId="759"/>
    <cellStyle name="標準 3 4 11 2" xfId="3711"/>
    <cellStyle name="標準 3 4 11 3" xfId="6663"/>
    <cellStyle name="標準 3 4 11_原油高騰等の影響業種" xfId="10241"/>
    <cellStyle name="標準 3 4 12" xfId="1497"/>
    <cellStyle name="標準 3 4 12 2" xfId="4449"/>
    <cellStyle name="標準 3 4 12 3" xfId="7401"/>
    <cellStyle name="標準 3 4 12_原油高騰等の影響業種" xfId="10242"/>
    <cellStyle name="標準 3 4 13" xfId="2235"/>
    <cellStyle name="標準 3 4 13 2" xfId="5187"/>
    <cellStyle name="標準 3 4 13 3" xfId="8139"/>
    <cellStyle name="標準 3 4 13_原油高騰等の影響業種" xfId="10243"/>
    <cellStyle name="標準 3 4 14" xfId="2973"/>
    <cellStyle name="標準 3 4 15" xfId="5925"/>
    <cellStyle name="標準 3 4 2" xfId="18"/>
    <cellStyle name="標準 3 4 2 10" xfId="760"/>
    <cellStyle name="標準 3 4 2 10 2" xfId="3712"/>
    <cellStyle name="標準 3 4 2 10 3" xfId="6664"/>
    <cellStyle name="標準 3 4 2 10_原油高騰等の影響業種" xfId="10245"/>
    <cellStyle name="標準 3 4 2 11" xfId="1498"/>
    <cellStyle name="標準 3 4 2 11 2" xfId="4450"/>
    <cellStyle name="標準 3 4 2 11 3" xfId="7402"/>
    <cellStyle name="標準 3 4 2 11_原油高騰等の影響業種" xfId="10246"/>
    <cellStyle name="標準 3 4 2 12" xfId="2236"/>
    <cellStyle name="標準 3 4 2 12 2" xfId="5188"/>
    <cellStyle name="標準 3 4 2 12 3" xfId="8140"/>
    <cellStyle name="標準 3 4 2 12_原油高騰等の影響業種" xfId="10247"/>
    <cellStyle name="標準 3 4 2 13" xfId="2974"/>
    <cellStyle name="標準 3 4 2 14" xfId="5926"/>
    <cellStyle name="標準 3 4 2 2" xfId="27"/>
    <cellStyle name="標準 3 4 2 2 10" xfId="2245"/>
    <cellStyle name="標準 3 4 2 2 10 2" xfId="5197"/>
    <cellStyle name="標準 3 4 2 2 10 3" xfId="8149"/>
    <cellStyle name="標準 3 4 2 2 10_原油高騰等の影響業種" xfId="10249"/>
    <cellStyle name="標準 3 4 2 2 11" xfId="2983"/>
    <cellStyle name="標準 3 4 2 2 12" xfId="5935"/>
    <cellStyle name="標準 3 4 2 2 2" xfId="45"/>
    <cellStyle name="標準 3 4 2 2 2 10" xfId="3001"/>
    <cellStyle name="標準 3 4 2 2 2 11" xfId="5953"/>
    <cellStyle name="標準 3 4 2 2 2 2" xfId="90"/>
    <cellStyle name="標準 3 4 2 2 2 2 2" xfId="270"/>
    <cellStyle name="標準 3 4 2 2 2 2 2 2" xfId="643"/>
    <cellStyle name="標準 3 4 2 2 2 2 2 2 2" xfId="1381"/>
    <cellStyle name="標準 3 4 2 2 2 2 2 2 2 2" xfId="4333"/>
    <cellStyle name="標準 3 4 2 2 2 2 2 2 2 3" xfId="7285"/>
    <cellStyle name="標準 3 4 2 2 2 2 2 2 2_原油高騰等の影響業種" xfId="10254"/>
    <cellStyle name="標準 3 4 2 2 2 2 2 2 3" xfId="2119"/>
    <cellStyle name="標準 3 4 2 2 2 2 2 2 3 2" xfId="5071"/>
    <cellStyle name="標準 3 4 2 2 2 2 2 2 3 3" xfId="8023"/>
    <cellStyle name="標準 3 4 2 2 2 2 2 2 3_原油高騰等の影響業種" xfId="10255"/>
    <cellStyle name="標準 3 4 2 2 2 2 2 2 4" xfId="2857"/>
    <cellStyle name="標準 3 4 2 2 2 2 2 2 4 2" xfId="5809"/>
    <cellStyle name="標準 3 4 2 2 2 2 2 2 4 3" xfId="8761"/>
    <cellStyle name="標準 3 4 2 2 2 2 2 2 4_原油高騰等の影響業種" xfId="10256"/>
    <cellStyle name="標準 3 4 2 2 2 2 2 2 5" xfId="3595"/>
    <cellStyle name="標準 3 4 2 2 2 2 2 2 6" xfId="6547"/>
    <cellStyle name="標準 3 4 2 2 2 2 2 2_原油高騰等の影響業種" xfId="10253"/>
    <cellStyle name="標準 3 4 2 2 2 2 2 3" xfId="1012"/>
    <cellStyle name="標準 3 4 2 2 2 2 2 3 2" xfId="3964"/>
    <cellStyle name="標準 3 4 2 2 2 2 2 3 3" xfId="6916"/>
    <cellStyle name="標準 3 4 2 2 2 2 2 3_原油高騰等の影響業種" xfId="10257"/>
    <cellStyle name="標準 3 4 2 2 2 2 2 4" xfId="1750"/>
    <cellStyle name="標準 3 4 2 2 2 2 2 4 2" xfId="4702"/>
    <cellStyle name="標準 3 4 2 2 2 2 2 4 3" xfId="7654"/>
    <cellStyle name="標準 3 4 2 2 2 2 2 4_原油高騰等の影響業種" xfId="10258"/>
    <cellStyle name="標準 3 4 2 2 2 2 2 5" xfId="2488"/>
    <cellStyle name="標準 3 4 2 2 2 2 2 5 2" xfId="5440"/>
    <cellStyle name="標準 3 4 2 2 2 2 2 5 3" xfId="8392"/>
    <cellStyle name="標準 3 4 2 2 2 2 2 5_原油高騰等の影響業種" xfId="10259"/>
    <cellStyle name="標準 3 4 2 2 2 2 2 6" xfId="3226"/>
    <cellStyle name="標準 3 4 2 2 2 2 2 7" xfId="6178"/>
    <cellStyle name="標準 3 4 2 2 2 2 2_原油高騰等の影響業種" xfId="10252"/>
    <cellStyle name="標準 3 4 2 2 2 2 3" xfId="463"/>
    <cellStyle name="標準 3 4 2 2 2 2 3 2" xfId="1201"/>
    <cellStyle name="標準 3 4 2 2 2 2 3 2 2" xfId="4153"/>
    <cellStyle name="標準 3 4 2 2 2 2 3 2 3" xfId="7105"/>
    <cellStyle name="標準 3 4 2 2 2 2 3 2_原油高騰等の影響業種" xfId="10261"/>
    <cellStyle name="標準 3 4 2 2 2 2 3 3" xfId="1939"/>
    <cellStyle name="標準 3 4 2 2 2 2 3 3 2" xfId="4891"/>
    <cellStyle name="標準 3 4 2 2 2 2 3 3 3" xfId="7843"/>
    <cellStyle name="標準 3 4 2 2 2 2 3 3_原油高騰等の影響業種" xfId="10262"/>
    <cellStyle name="標準 3 4 2 2 2 2 3 4" xfId="2677"/>
    <cellStyle name="標準 3 4 2 2 2 2 3 4 2" xfId="5629"/>
    <cellStyle name="標準 3 4 2 2 2 2 3 4 3" xfId="8581"/>
    <cellStyle name="標準 3 4 2 2 2 2 3 4_原油高騰等の影響業種" xfId="10263"/>
    <cellStyle name="標準 3 4 2 2 2 2 3 5" xfId="3415"/>
    <cellStyle name="標準 3 4 2 2 2 2 3 6" xfId="6367"/>
    <cellStyle name="標準 3 4 2 2 2 2 3_原油高騰等の影響業種" xfId="10260"/>
    <cellStyle name="標準 3 4 2 2 2 2 4" xfId="832"/>
    <cellStyle name="標準 3 4 2 2 2 2 4 2" xfId="3784"/>
    <cellStyle name="標準 3 4 2 2 2 2 4 3" xfId="6736"/>
    <cellStyle name="標準 3 4 2 2 2 2 4_原油高騰等の影響業種" xfId="10264"/>
    <cellStyle name="標準 3 4 2 2 2 2 5" xfId="1570"/>
    <cellStyle name="標準 3 4 2 2 2 2 5 2" xfId="4522"/>
    <cellStyle name="標準 3 4 2 2 2 2 5 3" xfId="7474"/>
    <cellStyle name="標準 3 4 2 2 2 2 5_原油高騰等の影響業種" xfId="10265"/>
    <cellStyle name="標準 3 4 2 2 2 2 6" xfId="2308"/>
    <cellStyle name="標準 3 4 2 2 2 2 6 2" xfId="5260"/>
    <cellStyle name="標準 3 4 2 2 2 2 6 3" xfId="8212"/>
    <cellStyle name="標準 3 4 2 2 2 2 6_原油高騰等の影響業種" xfId="10266"/>
    <cellStyle name="標準 3 4 2 2 2 2 7" xfId="3046"/>
    <cellStyle name="標準 3 4 2 2 2 2 8" xfId="5998"/>
    <cellStyle name="標準 3 4 2 2 2 2_原油高騰等の影響業種" xfId="10251"/>
    <cellStyle name="標準 3 4 2 2 2 3" xfId="135"/>
    <cellStyle name="標準 3 4 2 2 2 3 2" xfId="315"/>
    <cellStyle name="標準 3 4 2 2 2 3 2 2" xfId="688"/>
    <cellStyle name="標準 3 4 2 2 2 3 2 2 2" xfId="1426"/>
    <cellStyle name="標準 3 4 2 2 2 3 2 2 2 2" xfId="4378"/>
    <cellStyle name="標準 3 4 2 2 2 3 2 2 2 3" xfId="7330"/>
    <cellStyle name="標準 3 4 2 2 2 3 2 2 2_原油高騰等の影響業種" xfId="10270"/>
    <cellStyle name="標準 3 4 2 2 2 3 2 2 3" xfId="2164"/>
    <cellStyle name="標準 3 4 2 2 2 3 2 2 3 2" xfId="5116"/>
    <cellStyle name="標準 3 4 2 2 2 3 2 2 3 3" xfId="8068"/>
    <cellStyle name="標準 3 4 2 2 2 3 2 2 3_原油高騰等の影響業種" xfId="10271"/>
    <cellStyle name="標準 3 4 2 2 2 3 2 2 4" xfId="2902"/>
    <cellStyle name="標準 3 4 2 2 2 3 2 2 4 2" xfId="5854"/>
    <cellStyle name="標準 3 4 2 2 2 3 2 2 4 3" xfId="8806"/>
    <cellStyle name="標準 3 4 2 2 2 3 2 2 4_原油高騰等の影響業種" xfId="10272"/>
    <cellStyle name="標準 3 4 2 2 2 3 2 2 5" xfId="3640"/>
    <cellStyle name="標準 3 4 2 2 2 3 2 2 6" xfId="6592"/>
    <cellStyle name="標準 3 4 2 2 2 3 2 2_原油高騰等の影響業種" xfId="10269"/>
    <cellStyle name="標準 3 4 2 2 2 3 2 3" xfId="1057"/>
    <cellStyle name="標準 3 4 2 2 2 3 2 3 2" xfId="4009"/>
    <cellStyle name="標準 3 4 2 2 2 3 2 3 3" xfId="6961"/>
    <cellStyle name="標準 3 4 2 2 2 3 2 3_原油高騰等の影響業種" xfId="10273"/>
    <cellStyle name="標準 3 4 2 2 2 3 2 4" xfId="1795"/>
    <cellStyle name="標準 3 4 2 2 2 3 2 4 2" xfId="4747"/>
    <cellStyle name="標準 3 4 2 2 2 3 2 4 3" xfId="7699"/>
    <cellStyle name="標準 3 4 2 2 2 3 2 4_原油高騰等の影響業種" xfId="10274"/>
    <cellStyle name="標準 3 4 2 2 2 3 2 5" xfId="2533"/>
    <cellStyle name="標準 3 4 2 2 2 3 2 5 2" xfId="5485"/>
    <cellStyle name="標準 3 4 2 2 2 3 2 5 3" xfId="8437"/>
    <cellStyle name="標準 3 4 2 2 2 3 2 5_原油高騰等の影響業種" xfId="10275"/>
    <cellStyle name="標準 3 4 2 2 2 3 2 6" xfId="3271"/>
    <cellStyle name="標準 3 4 2 2 2 3 2 7" xfId="6223"/>
    <cellStyle name="標準 3 4 2 2 2 3 2_原油高騰等の影響業種" xfId="10268"/>
    <cellStyle name="標準 3 4 2 2 2 3 3" xfId="508"/>
    <cellStyle name="標準 3 4 2 2 2 3 3 2" xfId="1246"/>
    <cellStyle name="標準 3 4 2 2 2 3 3 2 2" xfId="4198"/>
    <cellStyle name="標準 3 4 2 2 2 3 3 2 3" xfId="7150"/>
    <cellStyle name="標準 3 4 2 2 2 3 3 2_原油高騰等の影響業種" xfId="10277"/>
    <cellStyle name="標準 3 4 2 2 2 3 3 3" xfId="1984"/>
    <cellStyle name="標準 3 4 2 2 2 3 3 3 2" xfId="4936"/>
    <cellStyle name="標準 3 4 2 2 2 3 3 3 3" xfId="7888"/>
    <cellStyle name="標準 3 4 2 2 2 3 3 3_原油高騰等の影響業種" xfId="10278"/>
    <cellStyle name="標準 3 4 2 2 2 3 3 4" xfId="2722"/>
    <cellStyle name="標準 3 4 2 2 2 3 3 4 2" xfId="5674"/>
    <cellStyle name="標準 3 4 2 2 2 3 3 4 3" xfId="8626"/>
    <cellStyle name="標準 3 4 2 2 2 3 3 4_原油高騰等の影響業種" xfId="10279"/>
    <cellStyle name="標準 3 4 2 2 2 3 3 5" xfId="3460"/>
    <cellStyle name="標準 3 4 2 2 2 3 3 6" xfId="6412"/>
    <cellStyle name="標準 3 4 2 2 2 3 3_原油高騰等の影響業種" xfId="10276"/>
    <cellStyle name="標準 3 4 2 2 2 3 4" xfId="877"/>
    <cellStyle name="標準 3 4 2 2 2 3 4 2" xfId="3829"/>
    <cellStyle name="標準 3 4 2 2 2 3 4 3" xfId="6781"/>
    <cellStyle name="標準 3 4 2 2 2 3 4_原油高騰等の影響業種" xfId="10280"/>
    <cellStyle name="標準 3 4 2 2 2 3 5" xfId="1615"/>
    <cellStyle name="標準 3 4 2 2 2 3 5 2" xfId="4567"/>
    <cellStyle name="標準 3 4 2 2 2 3 5 3" xfId="7519"/>
    <cellStyle name="標準 3 4 2 2 2 3 5_原油高騰等の影響業種" xfId="10281"/>
    <cellStyle name="標準 3 4 2 2 2 3 6" xfId="2353"/>
    <cellStyle name="標準 3 4 2 2 2 3 6 2" xfId="5305"/>
    <cellStyle name="標準 3 4 2 2 2 3 6 3" xfId="8257"/>
    <cellStyle name="標準 3 4 2 2 2 3 6_原油高騰等の影響業種" xfId="10282"/>
    <cellStyle name="標準 3 4 2 2 2 3 7" xfId="3091"/>
    <cellStyle name="標準 3 4 2 2 2 3 8" xfId="6043"/>
    <cellStyle name="標準 3 4 2 2 2 3_原油高騰等の影響業種" xfId="10267"/>
    <cellStyle name="標準 3 4 2 2 2 4" xfId="180"/>
    <cellStyle name="標準 3 4 2 2 2 4 2" xfId="360"/>
    <cellStyle name="標準 3 4 2 2 2 4 2 2" xfId="733"/>
    <cellStyle name="標準 3 4 2 2 2 4 2 2 2" xfId="1471"/>
    <cellStyle name="標準 3 4 2 2 2 4 2 2 2 2" xfId="4423"/>
    <cellStyle name="標準 3 4 2 2 2 4 2 2 2 3" xfId="7375"/>
    <cellStyle name="標準 3 4 2 2 2 4 2 2 2_原油高騰等の影響業種" xfId="10286"/>
    <cellStyle name="標準 3 4 2 2 2 4 2 2 3" xfId="2209"/>
    <cellStyle name="標準 3 4 2 2 2 4 2 2 3 2" xfId="5161"/>
    <cellStyle name="標準 3 4 2 2 2 4 2 2 3 3" xfId="8113"/>
    <cellStyle name="標準 3 4 2 2 2 4 2 2 3_原油高騰等の影響業種" xfId="10287"/>
    <cellStyle name="標準 3 4 2 2 2 4 2 2 4" xfId="2947"/>
    <cellStyle name="標準 3 4 2 2 2 4 2 2 4 2" xfId="5899"/>
    <cellStyle name="標準 3 4 2 2 2 4 2 2 4 3" xfId="8851"/>
    <cellStyle name="標準 3 4 2 2 2 4 2 2 4_原油高騰等の影響業種" xfId="10288"/>
    <cellStyle name="標準 3 4 2 2 2 4 2 2 5" xfId="3685"/>
    <cellStyle name="標準 3 4 2 2 2 4 2 2 6" xfId="6637"/>
    <cellStyle name="標準 3 4 2 2 2 4 2 2_原油高騰等の影響業種" xfId="10285"/>
    <cellStyle name="標準 3 4 2 2 2 4 2 3" xfId="1102"/>
    <cellStyle name="標準 3 4 2 2 2 4 2 3 2" xfId="4054"/>
    <cellStyle name="標準 3 4 2 2 2 4 2 3 3" xfId="7006"/>
    <cellStyle name="標準 3 4 2 2 2 4 2 3_原油高騰等の影響業種" xfId="10289"/>
    <cellStyle name="標準 3 4 2 2 2 4 2 4" xfId="1840"/>
    <cellStyle name="標準 3 4 2 2 2 4 2 4 2" xfId="4792"/>
    <cellStyle name="標準 3 4 2 2 2 4 2 4 3" xfId="7744"/>
    <cellStyle name="標準 3 4 2 2 2 4 2 4_原油高騰等の影響業種" xfId="10290"/>
    <cellStyle name="標準 3 4 2 2 2 4 2 5" xfId="2578"/>
    <cellStyle name="標準 3 4 2 2 2 4 2 5 2" xfId="5530"/>
    <cellStyle name="標準 3 4 2 2 2 4 2 5 3" xfId="8482"/>
    <cellStyle name="標準 3 4 2 2 2 4 2 5_原油高騰等の影響業種" xfId="10291"/>
    <cellStyle name="標準 3 4 2 2 2 4 2 6" xfId="3316"/>
    <cellStyle name="標準 3 4 2 2 2 4 2 7" xfId="6268"/>
    <cellStyle name="標準 3 4 2 2 2 4 2_原油高騰等の影響業種" xfId="10284"/>
    <cellStyle name="標準 3 4 2 2 2 4 3" xfId="553"/>
    <cellStyle name="標準 3 4 2 2 2 4 3 2" xfId="1291"/>
    <cellStyle name="標準 3 4 2 2 2 4 3 2 2" xfId="4243"/>
    <cellStyle name="標準 3 4 2 2 2 4 3 2 3" xfId="7195"/>
    <cellStyle name="標準 3 4 2 2 2 4 3 2_原油高騰等の影響業種" xfId="10293"/>
    <cellStyle name="標準 3 4 2 2 2 4 3 3" xfId="2029"/>
    <cellStyle name="標準 3 4 2 2 2 4 3 3 2" xfId="4981"/>
    <cellStyle name="標準 3 4 2 2 2 4 3 3 3" xfId="7933"/>
    <cellStyle name="標準 3 4 2 2 2 4 3 3_原油高騰等の影響業種" xfId="10294"/>
    <cellStyle name="標準 3 4 2 2 2 4 3 4" xfId="2767"/>
    <cellStyle name="標準 3 4 2 2 2 4 3 4 2" xfId="5719"/>
    <cellStyle name="標準 3 4 2 2 2 4 3 4 3" xfId="8671"/>
    <cellStyle name="標準 3 4 2 2 2 4 3 4_原油高騰等の影響業種" xfId="10295"/>
    <cellStyle name="標準 3 4 2 2 2 4 3 5" xfId="3505"/>
    <cellStyle name="標準 3 4 2 2 2 4 3 6" xfId="6457"/>
    <cellStyle name="標準 3 4 2 2 2 4 3_原油高騰等の影響業種" xfId="10292"/>
    <cellStyle name="標準 3 4 2 2 2 4 4" xfId="922"/>
    <cellStyle name="標準 3 4 2 2 2 4 4 2" xfId="3874"/>
    <cellStyle name="標準 3 4 2 2 2 4 4 3" xfId="6826"/>
    <cellStyle name="標準 3 4 2 2 2 4 4_原油高騰等の影響業種" xfId="10296"/>
    <cellStyle name="標準 3 4 2 2 2 4 5" xfId="1660"/>
    <cellStyle name="標準 3 4 2 2 2 4 5 2" xfId="4612"/>
    <cellStyle name="標準 3 4 2 2 2 4 5 3" xfId="7564"/>
    <cellStyle name="標準 3 4 2 2 2 4 5_原油高騰等の影響業種" xfId="10297"/>
    <cellStyle name="標準 3 4 2 2 2 4 6" xfId="2398"/>
    <cellStyle name="標準 3 4 2 2 2 4 6 2" xfId="5350"/>
    <cellStyle name="標準 3 4 2 2 2 4 6 3" xfId="8302"/>
    <cellStyle name="標準 3 4 2 2 2 4 6_原油高騰等の影響業種" xfId="10298"/>
    <cellStyle name="標準 3 4 2 2 2 4 7" xfId="3136"/>
    <cellStyle name="標準 3 4 2 2 2 4 8" xfId="6088"/>
    <cellStyle name="標準 3 4 2 2 2 4_原油高騰等の影響業種" xfId="10283"/>
    <cellStyle name="標準 3 4 2 2 2 5" xfId="225"/>
    <cellStyle name="標準 3 4 2 2 2 5 2" xfId="598"/>
    <cellStyle name="標準 3 4 2 2 2 5 2 2" xfId="1336"/>
    <cellStyle name="標準 3 4 2 2 2 5 2 2 2" xfId="4288"/>
    <cellStyle name="標準 3 4 2 2 2 5 2 2 3" xfId="7240"/>
    <cellStyle name="標準 3 4 2 2 2 5 2 2_原油高騰等の影響業種" xfId="10301"/>
    <cellStyle name="標準 3 4 2 2 2 5 2 3" xfId="2074"/>
    <cellStyle name="標準 3 4 2 2 2 5 2 3 2" xfId="5026"/>
    <cellStyle name="標準 3 4 2 2 2 5 2 3 3" xfId="7978"/>
    <cellStyle name="標準 3 4 2 2 2 5 2 3_原油高騰等の影響業種" xfId="10302"/>
    <cellStyle name="標準 3 4 2 2 2 5 2 4" xfId="2812"/>
    <cellStyle name="標準 3 4 2 2 2 5 2 4 2" xfId="5764"/>
    <cellStyle name="標準 3 4 2 2 2 5 2 4 3" xfId="8716"/>
    <cellStyle name="標準 3 4 2 2 2 5 2 4_原油高騰等の影響業種" xfId="10303"/>
    <cellStyle name="標準 3 4 2 2 2 5 2 5" xfId="3550"/>
    <cellStyle name="標準 3 4 2 2 2 5 2 6" xfId="6502"/>
    <cellStyle name="標準 3 4 2 2 2 5 2_原油高騰等の影響業種" xfId="10300"/>
    <cellStyle name="標準 3 4 2 2 2 5 3" xfId="967"/>
    <cellStyle name="標準 3 4 2 2 2 5 3 2" xfId="3919"/>
    <cellStyle name="標準 3 4 2 2 2 5 3 3" xfId="6871"/>
    <cellStyle name="標準 3 4 2 2 2 5 3_原油高騰等の影響業種" xfId="10304"/>
    <cellStyle name="標準 3 4 2 2 2 5 4" xfId="1705"/>
    <cellStyle name="標準 3 4 2 2 2 5 4 2" xfId="4657"/>
    <cellStyle name="標準 3 4 2 2 2 5 4 3" xfId="7609"/>
    <cellStyle name="標準 3 4 2 2 2 5 4_原油高騰等の影響業種" xfId="10305"/>
    <cellStyle name="標準 3 4 2 2 2 5 5" xfId="2443"/>
    <cellStyle name="標準 3 4 2 2 2 5 5 2" xfId="5395"/>
    <cellStyle name="標準 3 4 2 2 2 5 5 3" xfId="8347"/>
    <cellStyle name="標準 3 4 2 2 2 5 5_原油高騰等の影響業種" xfId="10306"/>
    <cellStyle name="標準 3 4 2 2 2 5 6" xfId="3181"/>
    <cellStyle name="標準 3 4 2 2 2 5 7" xfId="6133"/>
    <cellStyle name="標準 3 4 2 2 2 5_原油高騰等の影響業種" xfId="10299"/>
    <cellStyle name="標準 3 4 2 2 2 6" xfId="418"/>
    <cellStyle name="標準 3 4 2 2 2 6 2" xfId="1156"/>
    <cellStyle name="標準 3 4 2 2 2 6 2 2" xfId="4108"/>
    <cellStyle name="標準 3 4 2 2 2 6 2 3" xfId="7060"/>
    <cellStyle name="標準 3 4 2 2 2 6 2_原油高騰等の影響業種" xfId="10308"/>
    <cellStyle name="標準 3 4 2 2 2 6 3" xfId="1894"/>
    <cellStyle name="標準 3 4 2 2 2 6 3 2" xfId="4846"/>
    <cellStyle name="標準 3 4 2 2 2 6 3 3" xfId="7798"/>
    <cellStyle name="標準 3 4 2 2 2 6 3_原油高騰等の影響業種" xfId="10309"/>
    <cellStyle name="標準 3 4 2 2 2 6 4" xfId="2632"/>
    <cellStyle name="標準 3 4 2 2 2 6 4 2" xfId="5584"/>
    <cellStyle name="標準 3 4 2 2 2 6 4 3" xfId="8536"/>
    <cellStyle name="標準 3 4 2 2 2 6 4_原油高騰等の影響業種" xfId="10310"/>
    <cellStyle name="標準 3 4 2 2 2 6 5" xfId="3370"/>
    <cellStyle name="標準 3 4 2 2 2 6 6" xfId="6322"/>
    <cellStyle name="標準 3 4 2 2 2 6_原油高騰等の影響業種" xfId="10307"/>
    <cellStyle name="標準 3 4 2 2 2 7" xfId="787"/>
    <cellStyle name="標準 3 4 2 2 2 7 2" xfId="3739"/>
    <cellStyle name="標準 3 4 2 2 2 7 3" xfId="6691"/>
    <cellStyle name="標準 3 4 2 2 2 7_原油高騰等の影響業種" xfId="10311"/>
    <cellStyle name="標準 3 4 2 2 2 8" xfId="1525"/>
    <cellStyle name="標準 3 4 2 2 2 8 2" xfId="4477"/>
    <cellStyle name="標準 3 4 2 2 2 8 3" xfId="7429"/>
    <cellStyle name="標準 3 4 2 2 2 8_原油高騰等の影響業種" xfId="10312"/>
    <cellStyle name="標準 3 4 2 2 2 9" xfId="2263"/>
    <cellStyle name="標準 3 4 2 2 2 9 2" xfId="5215"/>
    <cellStyle name="標準 3 4 2 2 2 9 3" xfId="8167"/>
    <cellStyle name="標準 3 4 2 2 2 9_原油高騰等の影響業種" xfId="10313"/>
    <cellStyle name="標準 3 4 2 2 2_原油高騰等の影響業種" xfId="10250"/>
    <cellStyle name="標準 3 4 2 2 3" xfId="72"/>
    <cellStyle name="標準 3 4 2 2 3 2" xfId="252"/>
    <cellStyle name="標準 3 4 2 2 3 2 2" xfId="625"/>
    <cellStyle name="標準 3 4 2 2 3 2 2 2" xfId="1363"/>
    <cellStyle name="標準 3 4 2 2 3 2 2 2 2" xfId="4315"/>
    <cellStyle name="標準 3 4 2 2 3 2 2 2 3" xfId="7267"/>
    <cellStyle name="標準 3 4 2 2 3 2 2 2_原油高騰等の影響業種" xfId="10317"/>
    <cellStyle name="標準 3 4 2 2 3 2 2 3" xfId="2101"/>
    <cellStyle name="標準 3 4 2 2 3 2 2 3 2" xfId="5053"/>
    <cellStyle name="標準 3 4 2 2 3 2 2 3 3" xfId="8005"/>
    <cellStyle name="標準 3 4 2 2 3 2 2 3_原油高騰等の影響業種" xfId="10318"/>
    <cellStyle name="標準 3 4 2 2 3 2 2 4" xfId="2839"/>
    <cellStyle name="標準 3 4 2 2 3 2 2 4 2" xfId="5791"/>
    <cellStyle name="標準 3 4 2 2 3 2 2 4 3" xfId="8743"/>
    <cellStyle name="標準 3 4 2 2 3 2 2 4_原油高騰等の影響業種" xfId="10319"/>
    <cellStyle name="標準 3 4 2 2 3 2 2 5" xfId="3577"/>
    <cellStyle name="標準 3 4 2 2 3 2 2 6" xfId="6529"/>
    <cellStyle name="標準 3 4 2 2 3 2 2_原油高騰等の影響業種" xfId="10316"/>
    <cellStyle name="標準 3 4 2 2 3 2 3" xfId="994"/>
    <cellStyle name="標準 3 4 2 2 3 2 3 2" xfId="3946"/>
    <cellStyle name="標準 3 4 2 2 3 2 3 3" xfId="6898"/>
    <cellStyle name="標準 3 4 2 2 3 2 3_原油高騰等の影響業種" xfId="10320"/>
    <cellStyle name="標準 3 4 2 2 3 2 4" xfId="1732"/>
    <cellStyle name="標準 3 4 2 2 3 2 4 2" xfId="4684"/>
    <cellStyle name="標準 3 4 2 2 3 2 4 3" xfId="7636"/>
    <cellStyle name="標準 3 4 2 2 3 2 4_原油高騰等の影響業種" xfId="10321"/>
    <cellStyle name="標準 3 4 2 2 3 2 5" xfId="2470"/>
    <cellStyle name="標準 3 4 2 2 3 2 5 2" xfId="5422"/>
    <cellStyle name="標準 3 4 2 2 3 2 5 3" xfId="8374"/>
    <cellStyle name="標準 3 4 2 2 3 2 5_原油高騰等の影響業種" xfId="10322"/>
    <cellStyle name="標準 3 4 2 2 3 2 6" xfId="3208"/>
    <cellStyle name="標準 3 4 2 2 3 2 7" xfId="6160"/>
    <cellStyle name="標準 3 4 2 2 3 2_原油高騰等の影響業種" xfId="10315"/>
    <cellStyle name="標準 3 4 2 2 3 3" xfId="445"/>
    <cellStyle name="標準 3 4 2 2 3 3 2" xfId="1183"/>
    <cellStyle name="標準 3 4 2 2 3 3 2 2" xfId="4135"/>
    <cellStyle name="標準 3 4 2 2 3 3 2 3" xfId="7087"/>
    <cellStyle name="標準 3 4 2 2 3 3 2_原油高騰等の影響業種" xfId="10324"/>
    <cellStyle name="標準 3 4 2 2 3 3 3" xfId="1921"/>
    <cellStyle name="標準 3 4 2 2 3 3 3 2" xfId="4873"/>
    <cellStyle name="標準 3 4 2 2 3 3 3 3" xfId="7825"/>
    <cellStyle name="標準 3 4 2 2 3 3 3_原油高騰等の影響業種" xfId="10325"/>
    <cellStyle name="標準 3 4 2 2 3 3 4" xfId="2659"/>
    <cellStyle name="標準 3 4 2 2 3 3 4 2" xfId="5611"/>
    <cellStyle name="標準 3 4 2 2 3 3 4 3" xfId="8563"/>
    <cellStyle name="標準 3 4 2 2 3 3 4_原油高騰等の影響業種" xfId="10326"/>
    <cellStyle name="標準 3 4 2 2 3 3 5" xfId="3397"/>
    <cellStyle name="標準 3 4 2 2 3 3 6" xfId="6349"/>
    <cellStyle name="標準 3 4 2 2 3 3_原油高騰等の影響業種" xfId="10323"/>
    <cellStyle name="標準 3 4 2 2 3 4" xfId="814"/>
    <cellStyle name="標準 3 4 2 2 3 4 2" xfId="3766"/>
    <cellStyle name="標準 3 4 2 2 3 4 3" xfId="6718"/>
    <cellStyle name="標準 3 4 2 2 3 4_原油高騰等の影響業種" xfId="10327"/>
    <cellStyle name="標準 3 4 2 2 3 5" xfId="1552"/>
    <cellStyle name="標準 3 4 2 2 3 5 2" xfId="4504"/>
    <cellStyle name="標準 3 4 2 2 3 5 3" xfId="7456"/>
    <cellStyle name="標準 3 4 2 2 3 5_原油高騰等の影響業種" xfId="10328"/>
    <cellStyle name="標準 3 4 2 2 3 6" xfId="2290"/>
    <cellStyle name="標準 3 4 2 2 3 6 2" xfId="5242"/>
    <cellStyle name="標準 3 4 2 2 3 6 3" xfId="8194"/>
    <cellStyle name="標準 3 4 2 2 3 6_原油高騰等の影響業種" xfId="10329"/>
    <cellStyle name="標準 3 4 2 2 3 7" xfId="3028"/>
    <cellStyle name="標準 3 4 2 2 3 8" xfId="5980"/>
    <cellStyle name="標準 3 4 2 2 3_原油高騰等の影響業種" xfId="10314"/>
    <cellStyle name="標準 3 4 2 2 4" xfId="117"/>
    <cellStyle name="標準 3 4 2 2 4 2" xfId="297"/>
    <cellStyle name="標準 3 4 2 2 4 2 2" xfId="670"/>
    <cellStyle name="標準 3 4 2 2 4 2 2 2" xfId="1408"/>
    <cellStyle name="標準 3 4 2 2 4 2 2 2 2" xfId="4360"/>
    <cellStyle name="標準 3 4 2 2 4 2 2 2 3" xfId="7312"/>
    <cellStyle name="標準 3 4 2 2 4 2 2 2_原油高騰等の影響業種" xfId="10333"/>
    <cellStyle name="標準 3 4 2 2 4 2 2 3" xfId="2146"/>
    <cellStyle name="標準 3 4 2 2 4 2 2 3 2" xfId="5098"/>
    <cellStyle name="標準 3 4 2 2 4 2 2 3 3" xfId="8050"/>
    <cellStyle name="標準 3 4 2 2 4 2 2 3_原油高騰等の影響業種" xfId="10334"/>
    <cellStyle name="標準 3 4 2 2 4 2 2 4" xfId="2884"/>
    <cellStyle name="標準 3 4 2 2 4 2 2 4 2" xfId="5836"/>
    <cellStyle name="標準 3 4 2 2 4 2 2 4 3" xfId="8788"/>
    <cellStyle name="標準 3 4 2 2 4 2 2 4_原油高騰等の影響業種" xfId="10335"/>
    <cellStyle name="標準 3 4 2 2 4 2 2 5" xfId="3622"/>
    <cellStyle name="標準 3 4 2 2 4 2 2 6" xfId="6574"/>
    <cellStyle name="標準 3 4 2 2 4 2 2_原油高騰等の影響業種" xfId="10332"/>
    <cellStyle name="標準 3 4 2 2 4 2 3" xfId="1039"/>
    <cellStyle name="標準 3 4 2 2 4 2 3 2" xfId="3991"/>
    <cellStyle name="標準 3 4 2 2 4 2 3 3" xfId="6943"/>
    <cellStyle name="標準 3 4 2 2 4 2 3_原油高騰等の影響業種" xfId="10336"/>
    <cellStyle name="標準 3 4 2 2 4 2 4" xfId="1777"/>
    <cellStyle name="標準 3 4 2 2 4 2 4 2" xfId="4729"/>
    <cellStyle name="標準 3 4 2 2 4 2 4 3" xfId="7681"/>
    <cellStyle name="標準 3 4 2 2 4 2 4_原油高騰等の影響業種" xfId="10337"/>
    <cellStyle name="標準 3 4 2 2 4 2 5" xfId="2515"/>
    <cellStyle name="標準 3 4 2 2 4 2 5 2" xfId="5467"/>
    <cellStyle name="標準 3 4 2 2 4 2 5 3" xfId="8419"/>
    <cellStyle name="標準 3 4 2 2 4 2 5_原油高騰等の影響業種" xfId="10338"/>
    <cellStyle name="標準 3 4 2 2 4 2 6" xfId="3253"/>
    <cellStyle name="標準 3 4 2 2 4 2 7" xfId="6205"/>
    <cellStyle name="標準 3 4 2 2 4 2_原油高騰等の影響業種" xfId="10331"/>
    <cellStyle name="標準 3 4 2 2 4 3" xfId="490"/>
    <cellStyle name="標準 3 4 2 2 4 3 2" xfId="1228"/>
    <cellStyle name="標準 3 4 2 2 4 3 2 2" xfId="4180"/>
    <cellStyle name="標準 3 4 2 2 4 3 2 3" xfId="7132"/>
    <cellStyle name="標準 3 4 2 2 4 3 2_原油高騰等の影響業種" xfId="10340"/>
    <cellStyle name="標準 3 4 2 2 4 3 3" xfId="1966"/>
    <cellStyle name="標準 3 4 2 2 4 3 3 2" xfId="4918"/>
    <cellStyle name="標準 3 4 2 2 4 3 3 3" xfId="7870"/>
    <cellStyle name="標準 3 4 2 2 4 3 3_原油高騰等の影響業種" xfId="10341"/>
    <cellStyle name="標準 3 4 2 2 4 3 4" xfId="2704"/>
    <cellStyle name="標準 3 4 2 2 4 3 4 2" xfId="5656"/>
    <cellStyle name="標準 3 4 2 2 4 3 4 3" xfId="8608"/>
    <cellStyle name="標準 3 4 2 2 4 3 4_原油高騰等の影響業種" xfId="10342"/>
    <cellStyle name="標準 3 4 2 2 4 3 5" xfId="3442"/>
    <cellStyle name="標準 3 4 2 2 4 3 6" xfId="6394"/>
    <cellStyle name="標準 3 4 2 2 4 3_原油高騰等の影響業種" xfId="10339"/>
    <cellStyle name="標準 3 4 2 2 4 4" xfId="859"/>
    <cellStyle name="標準 3 4 2 2 4 4 2" xfId="3811"/>
    <cellStyle name="標準 3 4 2 2 4 4 3" xfId="6763"/>
    <cellStyle name="標準 3 4 2 2 4 4_原油高騰等の影響業種" xfId="10343"/>
    <cellStyle name="標準 3 4 2 2 4 5" xfId="1597"/>
    <cellStyle name="標準 3 4 2 2 4 5 2" xfId="4549"/>
    <cellStyle name="標準 3 4 2 2 4 5 3" xfId="7501"/>
    <cellStyle name="標準 3 4 2 2 4 5_原油高騰等の影響業種" xfId="10344"/>
    <cellStyle name="標準 3 4 2 2 4 6" xfId="2335"/>
    <cellStyle name="標準 3 4 2 2 4 6 2" xfId="5287"/>
    <cellStyle name="標準 3 4 2 2 4 6 3" xfId="8239"/>
    <cellStyle name="標準 3 4 2 2 4 6_原油高騰等の影響業種" xfId="10345"/>
    <cellStyle name="標準 3 4 2 2 4 7" xfId="3073"/>
    <cellStyle name="標準 3 4 2 2 4 8" xfId="6025"/>
    <cellStyle name="標準 3 4 2 2 4_原油高騰等の影響業種" xfId="10330"/>
    <cellStyle name="標準 3 4 2 2 5" xfId="162"/>
    <cellStyle name="標準 3 4 2 2 5 2" xfId="342"/>
    <cellStyle name="標準 3 4 2 2 5 2 2" xfId="715"/>
    <cellStyle name="標準 3 4 2 2 5 2 2 2" xfId="1453"/>
    <cellStyle name="標準 3 4 2 2 5 2 2 2 2" xfId="4405"/>
    <cellStyle name="標準 3 4 2 2 5 2 2 2 3" xfId="7357"/>
    <cellStyle name="標準 3 4 2 2 5 2 2 2_原油高騰等の影響業種" xfId="10349"/>
    <cellStyle name="標準 3 4 2 2 5 2 2 3" xfId="2191"/>
    <cellStyle name="標準 3 4 2 2 5 2 2 3 2" xfId="5143"/>
    <cellStyle name="標準 3 4 2 2 5 2 2 3 3" xfId="8095"/>
    <cellStyle name="標準 3 4 2 2 5 2 2 3_原油高騰等の影響業種" xfId="10350"/>
    <cellStyle name="標準 3 4 2 2 5 2 2 4" xfId="2929"/>
    <cellStyle name="標準 3 4 2 2 5 2 2 4 2" xfId="5881"/>
    <cellStyle name="標準 3 4 2 2 5 2 2 4 3" xfId="8833"/>
    <cellStyle name="標準 3 4 2 2 5 2 2 4_原油高騰等の影響業種" xfId="10351"/>
    <cellStyle name="標準 3 4 2 2 5 2 2 5" xfId="3667"/>
    <cellStyle name="標準 3 4 2 2 5 2 2 6" xfId="6619"/>
    <cellStyle name="標準 3 4 2 2 5 2 2_原油高騰等の影響業種" xfId="10348"/>
    <cellStyle name="標準 3 4 2 2 5 2 3" xfId="1084"/>
    <cellStyle name="標準 3 4 2 2 5 2 3 2" xfId="4036"/>
    <cellStyle name="標準 3 4 2 2 5 2 3 3" xfId="6988"/>
    <cellStyle name="標準 3 4 2 2 5 2 3_原油高騰等の影響業種" xfId="10352"/>
    <cellStyle name="標準 3 4 2 2 5 2 4" xfId="1822"/>
    <cellStyle name="標準 3 4 2 2 5 2 4 2" xfId="4774"/>
    <cellStyle name="標準 3 4 2 2 5 2 4 3" xfId="7726"/>
    <cellStyle name="標準 3 4 2 2 5 2 4_原油高騰等の影響業種" xfId="10353"/>
    <cellStyle name="標準 3 4 2 2 5 2 5" xfId="2560"/>
    <cellStyle name="標準 3 4 2 2 5 2 5 2" xfId="5512"/>
    <cellStyle name="標準 3 4 2 2 5 2 5 3" xfId="8464"/>
    <cellStyle name="標準 3 4 2 2 5 2 5_原油高騰等の影響業種" xfId="10354"/>
    <cellStyle name="標準 3 4 2 2 5 2 6" xfId="3298"/>
    <cellStyle name="標準 3 4 2 2 5 2 7" xfId="6250"/>
    <cellStyle name="標準 3 4 2 2 5 2_原油高騰等の影響業種" xfId="10347"/>
    <cellStyle name="標準 3 4 2 2 5 3" xfId="535"/>
    <cellStyle name="標準 3 4 2 2 5 3 2" xfId="1273"/>
    <cellStyle name="標準 3 4 2 2 5 3 2 2" xfId="4225"/>
    <cellStyle name="標準 3 4 2 2 5 3 2 3" xfId="7177"/>
    <cellStyle name="標準 3 4 2 2 5 3 2_原油高騰等の影響業種" xfId="10356"/>
    <cellStyle name="標準 3 4 2 2 5 3 3" xfId="2011"/>
    <cellStyle name="標準 3 4 2 2 5 3 3 2" xfId="4963"/>
    <cellStyle name="標準 3 4 2 2 5 3 3 3" xfId="7915"/>
    <cellStyle name="標準 3 4 2 2 5 3 3_原油高騰等の影響業種" xfId="10357"/>
    <cellStyle name="標準 3 4 2 2 5 3 4" xfId="2749"/>
    <cellStyle name="標準 3 4 2 2 5 3 4 2" xfId="5701"/>
    <cellStyle name="標準 3 4 2 2 5 3 4 3" xfId="8653"/>
    <cellStyle name="標準 3 4 2 2 5 3 4_原油高騰等の影響業種" xfId="10358"/>
    <cellStyle name="標準 3 4 2 2 5 3 5" xfId="3487"/>
    <cellStyle name="標準 3 4 2 2 5 3 6" xfId="6439"/>
    <cellStyle name="標準 3 4 2 2 5 3_原油高騰等の影響業種" xfId="10355"/>
    <cellStyle name="標準 3 4 2 2 5 4" xfId="904"/>
    <cellStyle name="標準 3 4 2 2 5 4 2" xfId="3856"/>
    <cellStyle name="標準 3 4 2 2 5 4 3" xfId="6808"/>
    <cellStyle name="標準 3 4 2 2 5 4_原油高騰等の影響業種" xfId="10359"/>
    <cellStyle name="標準 3 4 2 2 5 5" xfId="1642"/>
    <cellStyle name="標準 3 4 2 2 5 5 2" xfId="4594"/>
    <cellStyle name="標準 3 4 2 2 5 5 3" xfId="7546"/>
    <cellStyle name="標準 3 4 2 2 5 5_原油高騰等の影響業種" xfId="10360"/>
    <cellStyle name="標準 3 4 2 2 5 6" xfId="2380"/>
    <cellStyle name="標準 3 4 2 2 5 6 2" xfId="5332"/>
    <cellStyle name="標準 3 4 2 2 5 6 3" xfId="8284"/>
    <cellStyle name="標準 3 4 2 2 5 6_原油高騰等の影響業種" xfId="10361"/>
    <cellStyle name="標準 3 4 2 2 5 7" xfId="3118"/>
    <cellStyle name="標準 3 4 2 2 5 8" xfId="6070"/>
    <cellStyle name="標準 3 4 2 2 5_原油高騰等の影響業種" xfId="10346"/>
    <cellStyle name="標準 3 4 2 2 6" xfId="207"/>
    <cellStyle name="標準 3 4 2 2 6 2" xfId="580"/>
    <cellStyle name="標準 3 4 2 2 6 2 2" xfId="1318"/>
    <cellStyle name="標準 3 4 2 2 6 2 2 2" xfId="4270"/>
    <cellStyle name="標準 3 4 2 2 6 2 2 3" xfId="7222"/>
    <cellStyle name="標準 3 4 2 2 6 2 2_原油高騰等の影響業種" xfId="10364"/>
    <cellStyle name="標準 3 4 2 2 6 2 3" xfId="2056"/>
    <cellStyle name="標準 3 4 2 2 6 2 3 2" xfId="5008"/>
    <cellStyle name="標準 3 4 2 2 6 2 3 3" xfId="7960"/>
    <cellStyle name="標準 3 4 2 2 6 2 3_原油高騰等の影響業種" xfId="10365"/>
    <cellStyle name="標準 3 4 2 2 6 2 4" xfId="2794"/>
    <cellStyle name="標準 3 4 2 2 6 2 4 2" xfId="5746"/>
    <cellStyle name="標準 3 4 2 2 6 2 4 3" xfId="8698"/>
    <cellStyle name="標準 3 4 2 2 6 2 4_原油高騰等の影響業種" xfId="10366"/>
    <cellStyle name="標準 3 4 2 2 6 2 5" xfId="3532"/>
    <cellStyle name="標準 3 4 2 2 6 2 6" xfId="6484"/>
    <cellStyle name="標準 3 4 2 2 6 2_原油高騰等の影響業種" xfId="10363"/>
    <cellStyle name="標準 3 4 2 2 6 3" xfId="949"/>
    <cellStyle name="標準 3 4 2 2 6 3 2" xfId="3901"/>
    <cellStyle name="標準 3 4 2 2 6 3 3" xfId="6853"/>
    <cellStyle name="標準 3 4 2 2 6 3_原油高騰等の影響業種" xfId="10367"/>
    <cellStyle name="標準 3 4 2 2 6 4" xfId="1687"/>
    <cellStyle name="標準 3 4 2 2 6 4 2" xfId="4639"/>
    <cellStyle name="標準 3 4 2 2 6 4 3" xfId="7591"/>
    <cellStyle name="標準 3 4 2 2 6 4_原油高騰等の影響業種" xfId="10368"/>
    <cellStyle name="標準 3 4 2 2 6 5" xfId="2425"/>
    <cellStyle name="標準 3 4 2 2 6 5 2" xfId="5377"/>
    <cellStyle name="標準 3 4 2 2 6 5 3" xfId="8329"/>
    <cellStyle name="標準 3 4 2 2 6 5_原油高騰等の影響業種" xfId="10369"/>
    <cellStyle name="標準 3 4 2 2 6 6" xfId="3163"/>
    <cellStyle name="標準 3 4 2 2 6 7" xfId="6115"/>
    <cellStyle name="標準 3 4 2 2 6_原油高騰等の影響業種" xfId="10362"/>
    <cellStyle name="標準 3 4 2 2 7" xfId="400"/>
    <cellStyle name="標準 3 4 2 2 7 2" xfId="1138"/>
    <cellStyle name="標準 3 4 2 2 7 2 2" xfId="4090"/>
    <cellStyle name="標準 3 4 2 2 7 2 3" xfId="7042"/>
    <cellStyle name="標準 3 4 2 2 7 2_原油高騰等の影響業種" xfId="10371"/>
    <cellStyle name="標準 3 4 2 2 7 3" xfId="1876"/>
    <cellStyle name="標準 3 4 2 2 7 3 2" xfId="4828"/>
    <cellStyle name="標準 3 4 2 2 7 3 3" xfId="7780"/>
    <cellStyle name="標準 3 4 2 2 7 3_原油高騰等の影響業種" xfId="10372"/>
    <cellStyle name="標準 3 4 2 2 7 4" xfId="2614"/>
    <cellStyle name="標準 3 4 2 2 7 4 2" xfId="5566"/>
    <cellStyle name="標準 3 4 2 2 7 4 3" xfId="8518"/>
    <cellStyle name="標準 3 4 2 2 7 4_原油高騰等の影響業種" xfId="10373"/>
    <cellStyle name="標準 3 4 2 2 7 5" xfId="3352"/>
    <cellStyle name="標準 3 4 2 2 7 6" xfId="6304"/>
    <cellStyle name="標準 3 4 2 2 7_原油高騰等の影響業種" xfId="10370"/>
    <cellStyle name="標準 3 4 2 2 8" xfId="769"/>
    <cellStyle name="標準 3 4 2 2 8 2" xfId="3721"/>
    <cellStyle name="標準 3 4 2 2 8 3" xfId="6673"/>
    <cellStyle name="標準 3 4 2 2 8_原油高騰等の影響業種" xfId="10374"/>
    <cellStyle name="標準 3 4 2 2 9" xfId="1507"/>
    <cellStyle name="標準 3 4 2 2 9 2" xfId="4459"/>
    <cellStyle name="標準 3 4 2 2 9 3" xfId="7411"/>
    <cellStyle name="標準 3 4 2 2 9_原油高騰等の影響業種" xfId="10375"/>
    <cellStyle name="標準 3 4 2 2_原油高騰等の影響業種" xfId="10248"/>
    <cellStyle name="標準 3 4 2 3" xfId="36"/>
    <cellStyle name="標準 3 4 2 3 10" xfId="2992"/>
    <cellStyle name="標準 3 4 2 3 11" xfId="5944"/>
    <cellStyle name="標準 3 4 2 3 2" xfId="81"/>
    <cellStyle name="標準 3 4 2 3 2 2" xfId="261"/>
    <cellStyle name="標準 3 4 2 3 2 2 2" xfId="634"/>
    <cellStyle name="標準 3 4 2 3 2 2 2 2" xfId="1372"/>
    <cellStyle name="標準 3 4 2 3 2 2 2 2 2" xfId="4324"/>
    <cellStyle name="標準 3 4 2 3 2 2 2 2 3" xfId="7276"/>
    <cellStyle name="標準 3 4 2 3 2 2 2 2_原油高騰等の影響業種" xfId="10380"/>
    <cellStyle name="標準 3 4 2 3 2 2 2 3" xfId="2110"/>
    <cellStyle name="標準 3 4 2 3 2 2 2 3 2" xfId="5062"/>
    <cellStyle name="標準 3 4 2 3 2 2 2 3 3" xfId="8014"/>
    <cellStyle name="標準 3 4 2 3 2 2 2 3_原油高騰等の影響業種" xfId="10381"/>
    <cellStyle name="標準 3 4 2 3 2 2 2 4" xfId="2848"/>
    <cellStyle name="標準 3 4 2 3 2 2 2 4 2" xfId="5800"/>
    <cellStyle name="標準 3 4 2 3 2 2 2 4 3" xfId="8752"/>
    <cellStyle name="標準 3 4 2 3 2 2 2 4_原油高騰等の影響業種" xfId="10382"/>
    <cellStyle name="標準 3 4 2 3 2 2 2 5" xfId="3586"/>
    <cellStyle name="標準 3 4 2 3 2 2 2 6" xfId="6538"/>
    <cellStyle name="標準 3 4 2 3 2 2 2_原油高騰等の影響業種" xfId="10379"/>
    <cellStyle name="標準 3 4 2 3 2 2 3" xfId="1003"/>
    <cellStyle name="標準 3 4 2 3 2 2 3 2" xfId="3955"/>
    <cellStyle name="標準 3 4 2 3 2 2 3 3" xfId="6907"/>
    <cellStyle name="標準 3 4 2 3 2 2 3_原油高騰等の影響業種" xfId="10383"/>
    <cellStyle name="標準 3 4 2 3 2 2 4" xfId="1741"/>
    <cellStyle name="標準 3 4 2 3 2 2 4 2" xfId="4693"/>
    <cellStyle name="標準 3 4 2 3 2 2 4 3" xfId="7645"/>
    <cellStyle name="標準 3 4 2 3 2 2 4_原油高騰等の影響業種" xfId="10384"/>
    <cellStyle name="標準 3 4 2 3 2 2 5" xfId="2479"/>
    <cellStyle name="標準 3 4 2 3 2 2 5 2" xfId="5431"/>
    <cellStyle name="標準 3 4 2 3 2 2 5 3" xfId="8383"/>
    <cellStyle name="標準 3 4 2 3 2 2 5_原油高騰等の影響業種" xfId="10385"/>
    <cellStyle name="標準 3 4 2 3 2 2 6" xfId="3217"/>
    <cellStyle name="標準 3 4 2 3 2 2 7" xfId="6169"/>
    <cellStyle name="標準 3 4 2 3 2 2_原油高騰等の影響業種" xfId="10378"/>
    <cellStyle name="標準 3 4 2 3 2 3" xfId="454"/>
    <cellStyle name="標準 3 4 2 3 2 3 2" xfId="1192"/>
    <cellStyle name="標準 3 4 2 3 2 3 2 2" xfId="4144"/>
    <cellStyle name="標準 3 4 2 3 2 3 2 3" xfId="7096"/>
    <cellStyle name="標準 3 4 2 3 2 3 2_原油高騰等の影響業種" xfId="10387"/>
    <cellStyle name="標準 3 4 2 3 2 3 3" xfId="1930"/>
    <cellStyle name="標準 3 4 2 3 2 3 3 2" xfId="4882"/>
    <cellStyle name="標準 3 4 2 3 2 3 3 3" xfId="7834"/>
    <cellStyle name="標準 3 4 2 3 2 3 3_原油高騰等の影響業種" xfId="10388"/>
    <cellStyle name="標準 3 4 2 3 2 3 4" xfId="2668"/>
    <cellStyle name="標準 3 4 2 3 2 3 4 2" xfId="5620"/>
    <cellStyle name="標準 3 4 2 3 2 3 4 3" xfId="8572"/>
    <cellStyle name="標準 3 4 2 3 2 3 4_原油高騰等の影響業種" xfId="10389"/>
    <cellStyle name="標準 3 4 2 3 2 3 5" xfId="3406"/>
    <cellStyle name="標準 3 4 2 3 2 3 6" xfId="6358"/>
    <cellStyle name="標準 3 4 2 3 2 3_原油高騰等の影響業種" xfId="10386"/>
    <cellStyle name="標準 3 4 2 3 2 4" xfId="823"/>
    <cellStyle name="標準 3 4 2 3 2 4 2" xfId="3775"/>
    <cellStyle name="標準 3 4 2 3 2 4 3" xfId="6727"/>
    <cellStyle name="標準 3 4 2 3 2 4_原油高騰等の影響業種" xfId="10390"/>
    <cellStyle name="標準 3 4 2 3 2 5" xfId="1561"/>
    <cellStyle name="標準 3 4 2 3 2 5 2" xfId="4513"/>
    <cellStyle name="標準 3 4 2 3 2 5 3" xfId="7465"/>
    <cellStyle name="標準 3 4 2 3 2 5_原油高騰等の影響業種" xfId="10391"/>
    <cellStyle name="標準 3 4 2 3 2 6" xfId="2299"/>
    <cellStyle name="標準 3 4 2 3 2 6 2" xfId="5251"/>
    <cellStyle name="標準 3 4 2 3 2 6 3" xfId="8203"/>
    <cellStyle name="標準 3 4 2 3 2 6_原油高騰等の影響業種" xfId="10392"/>
    <cellStyle name="標準 3 4 2 3 2 7" xfId="3037"/>
    <cellStyle name="標準 3 4 2 3 2 8" xfId="5989"/>
    <cellStyle name="標準 3 4 2 3 2_原油高騰等の影響業種" xfId="10377"/>
    <cellStyle name="標準 3 4 2 3 3" xfId="126"/>
    <cellStyle name="標準 3 4 2 3 3 2" xfId="306"/>
    <cellStyle name="標準 3 4 2 3 3 2 2" xfId="679"/>
    <cellStyle name="標準 3 4 2 3 3 2 2 2" xfId="1417"/>
    <cellStyle name="標準 3 4 2 3 3 2 2 2 2" xfId="4369"/>
    <cellStyle name="標準 3 4 2 3 3 2 2 2 3" xfId="7321"/>
    <cellStyle name="標準 3 4 2 3 3 2 2 2_原油高騰等の影響業種" xfId="10396"/>
    <cellStyle name="標準 3 4 2 3 3 2 2 3" xfId="2155"/>
    <cellStyle name="標準 3 4 2 3 3 2 2 3 2" xfId="5107"/>
    <cellStyle name="標準 3 4 2 3 3 2 2 3 3" xfId="8059"/>
    <cellStyle name="標準 3 4 2 3 3 2 2 3_原油高騰等の影響業種" xfId="10397"/>
    <cellStyle name="標準 3 4 2 3 3 2 2 4" xfId="2893"/>
    <cellStyle name="標準 3 4 2 3 3 2 2 4 2" xfId="5845"/>
    <cellStyle name="標準 3 4 2 3 3 2 2 4 3" xfId="8797"/>
    <cellStyle name="標準 3 4 2 3 3 2 2 4_原油高騰等の影響業種" xfId="10398"/>
    <cellStyle name="標準 3 4 2 3 3 2 2 5" xfId="3631"/>
    <cellStyle name="標準 3 4 2 3 3 2 2 6" xfId="6583"/>
    <cellStyle name="標準 3 4 2 3 3 2 2_原油高騰等の影響業種" xfId="10395"/>
    <cellStyle name="標準 3 4 2 3 3 2 3" xfId="1048"/>
    <cellStyle name="標準 3 4 2 3 3 2 3 2" xfId="4000"/>
    <cellStyle name="標準 3 4 2 3 3 2 3 3" xfId="6952"/>
    <cellStyle name="標準 3 4 2 3 3 2 3_原油高騰等の影響業種" xfId="10399"/>
    <cellStyle name="標準 3 4 2 3 3 2 4" xfId="1786"/>
    <cellStyle name="標準 3 4 2 3 3 2 4 2" xfId="4738"/>
    <cellStyle name="標準 3 4 2 3 3 2 4 3" xfId="7690"/>
    <cellStyle name="標準 3 4 2 3 3 2 4_原油高騰等の影響業種" xfId="10400"/>
    <cellStyle name="標準 3 4 2 3 3 2 5" xfId="2524"/>
    <cellStyle name="標準 3 4 2 3 3 2 5 2" xfId="5476"/>
    <cellStyle name="標準 3 4 2 3 3 2 5 3" xfId="8428"/>
    <cellStyle name="標準 3 4 2 3 3 2 5_原油高騰等の影響業種" xfId="10401"/>
    <cellStyle name="標準 3 4 2 3 3 2 6" xfId="3262"/>
    <cellStyle name="標準 3 4 2 3 3 2 7" xfId="6214"/>
    <cellStyle name="標準 3 4 2 3 3 2_原油高騰等の影響業種" xfId="10394"/>
    <cellStyle name="標準 3 4 2 3 3 3" xfId="499"/>
    <cellStyle name="標準 3 4 2 3 3 3 2" xfId="1237"/>
    <cellStyle name="標準 3 4 2 3 3 3 2 2" xfId="4189"/>
    <cellStyle name="標準 3 4 2 3 3 3 2 3" xfId="7141"/>
    <cellStyle name="標準 3 4 2 3 3 3 2_原油高騰等の影響業種" xfId="10403"/>
    <cellStyle name="標準 3 4 2 3 3 3 3" xfId="1975"/>
    <cellStyle name="標準 3 4 2 3 3 3 3 2" xfId="4927"/>
    <cellStyle name="標準 3 4 2 3 3 3 3 3" xfId="7879"/>
    <cellStyle name="標準 3 4 2 3 3 3 3_原油高騰等の影響業種" xfId="10404"/>
    <cellStyle name="標準 3 4 2 3 3 3 4" xfId="2713"/>
    <cellStyle name="標準 3 4 2 3 3 3 4 2" xfId="5665"/>
    <cellStyle name="標準 3 4 2 3 3 3 4 3" xfId="8617"/>
    <cellStyle name="標準 3 4 2 3 3 3 4_原油高騰等の影響業種" xfId="10405"/>
    <cellStyle name="標準 3 4 2 3 3 3 5" xfId="3451"/>
    <cellStyle name="標準 3 4 2 3 3 3 6" xfId="6403"/>
    <cellStyle name="標準 3 4 2 3 3 3_原油高騰等の影響業種" xfId="10402"/>
    <cellStyle name="標準 3 4 2 3 3 4" xfId="868"/>
    <cellStyle name="標準 3 4 2 3 3 4 2" xfId="3820"/>
    <cellStyle name="標準 3 4 2 3 3 4 3" xfId="6772"/>
    <cellStyle name="標準 3 4 2 3 3 4_原油高騰等の影響業種" xfId="10406"/>
    <cellStyle name="標準 3 4 2 3 3 5" xfId="1606"/>
    <cellStyle name="標準 3 4 2 3 3 5 2" xfId="4558"/>
    <cellStyle name="標準 3 4 2 3 3 5 3" xfId="7510"/>
    <cellStyle name="標準 3 4 2 3 3 5_原油高騰等の影響業種" xfId="10407"/>
    <cellStyle name="標準 3 4 2 3 3 6" xfId="2344"/>
    <cellStyle name="標準 3 4 2 3 3 6 2" xfId="5296"/>
    <cellStyle name="標準 3 4 2 3 3 6 3" xfId="8248"/>
    <cellStyle name="標準 3 4 2 3 3 6_原油高騰等の影響業種" xfId="10408"/>
    <cellStyle name="標準 3 4 2 3 3 7" xfId="3082"/>
    <cellStyle name="標準 3 4 2 3 3 8" xfId="6034"/>
    <cellStyle name="標準 3 4 2 3 3_原油高騰等の影響業種" xfId="10393"/>
    <cellStyle name="標準 3 4 2 3 4" xfId="171"/>
    <cellStyle name="標準 3 4 2 3 4 2" xfId="351"/>
    <cellStyle name="標準 3 4 2 3 4 2 2" xfId="724"/>
    <cellStyle name="標準 3 4 2 3 4 2 2 2" xfId="1462"/>
    <cellStyle name="標準 3 4 2 3 4 2 2 2 2" xfId="4414"/>
    <cellStyle name="標準 3 4 2 3 4 2 2 2 3" xfId="7366"/>
    <cellStyle name="標準 3 4 2 3 4 2 2 2_原油高騰等の影響業種" xfId="10412"/>
    <cellStyle name="標準 3 4 2 3 4 2 2 3" xfId="2200"/>
    <cellStyle name="標準 3 4 2 3 4 2 2 3 2" xfId="5152"/>
    <cellStyle name="標準 3 4 2 3 4 2 2 3 3" xfId="8104"/>
    <cellStyle name="標準 3 4 2 3 4 2 2 3_原油高騰等の影響業種" xfId="10413"/>
    <cellStyle name="標準 3 4 2 3 4 2 2 4" xfId="2938"/>
    <cellStyle name="標準 3 4 2 3 4 2 2 4 2" xfId="5890"/>
    <cellStyle name="標準 3 4 2 3 4 2 2 4 3" xfId="8842"/>
    <cellStyle name="標準 3 4 2 3 4 2 2 4_原油高騰等の影響業種" xfId="10414"/>
    <cellStyle name="標準 3 4 2 3 4 2 2 5" xfId="3676"/>
    <cellStyle name="標準 3 4 2 3 4 2 2 6" xfId="6628"/>
    <cellStyle name="標準 3 4 2 3 4 2 2_原油高騰等の影響業種" xfId="10411"/>
    <cellStyle name="標準 3 4 2 3 4 2 3" xfId="1093"/>
    <cellStyle name="標準 3 4 2 3 4 2 3 2" xfId="4045"/>
    <cellStyle name="標準 3 4 2 3 4 2 3 3" xfId="6997"/>
    <cellStyle name="標準 3 4 2 3 4 2 3_原油高騰等の影響業種" xfId="10415"/>
    <cellStyle name="標準 3 4 2 3 4 2 4" xfId="1831"/>
    <cellStyle name="標準 3 4 2 3 4 2 4 2" xfId="4783"/>
    <cellStyle name="標準 3 4 2 3 4 2 4 3" xfId="7735"/>
    <cellStyle name="標準 3 4 2 3 4 2 4_原油高騰等の影響業種" xfId="10416"/>
    <cellStyle name="標準 3 4 2 3 4 2 5" xfId="2569"/>
    <cellStyle name="標準 3 4 2 3 4 2 5 2" xfId="5521"/>
    <cellStyle name="標準 3 4 2 3 4 2 5 3" xfId="8473"/>
    <cellStyle name="標準 3 4 2 3 4 2 5_原油高騰等の影響業種" xfId="10417"/>
    <cellStyle name="標準 3 4 2 3 4 2 6" xfId="3307"/>
    <cellStyle name="標準 3 4 2 3 4 2 7" xfId="6259"/>
    <cellStyle name="標準 3 4 2 3 4 2_原油高騰等の影響業種" xfId="10410"/>
    <cellStyle name="標準 3 4 2 3 4 3" xfId="544"/>
    <cellStyle name="標準 3 4 2 3 4 3 2" xfId="1282"/>
    <cellStyle name="標準 3 4 2 3 4 3 2 2" xfId="4234"/>
    <cellStyle name="標準 3 4 2 3 4 3 2 3" xfId="7186"/>
    <cellStyle name="標準 3 4 2 3 4 3 2_原油高騰等の影響業種" xfId="10419"/>
    <cellStyle name="標準 3 4 2 3 4 3 3" xfId="2020"/>
    <cellStyle name="標準 3 4 2 3 4 3 3 2" xfId="4972"/>
    <cellStyle name="標準 3 4 2 3 4 3 3 3" xfId="7924"/>
    <cellStyle name="標準 3 4 2 3 4 3 3_原油高騰等の影響業種" xfId="10420"/>
    <cellStyle name="標準 3 4 2 3 4 3 4" xfId="2758"/>
    <cellStyle name="標準 3 4 2 3 4 3 4 2" xfId="5710"/>
    <cellStyle name="標準 3 4 2 3 4 3 4 3" xfId="8662"/>
    <cellStyle name="標準 3 4 2 3 4 3 4_原油高騰等の影響業種" xfId="10421"/>
    <cellStyle name="標準 3 4 2 3 4 3 5" xfId="3496"/>
    <cellStyle name="標準 3 4 2 3 4 3 6" xfId="6448"/>
    <cellStyle name="標準 3 4 2 3 4 3_原油高騰等の影響業種" xfId="10418"/>
    <cellStyle name="標準 3 4 2 3 4 4" xfId="913"/>
    <cellStyle name="標準 3 4 2 3 4 4 2" xfId="3865"/>
    <cellStyle name="標準 3 4 2 3 4 4 3" xfId="6817"/>
    <cellStyle name="標準 3 4 2 3 4 4_原油高騰等の影響業種" xfId="10422"/>
    <cellStyle name="標準 3 4 2 3 4 5" xfId="1651"/>
    <cellStyle name="標準 3 4 2 3 4 5 2" xfId="4603"/>
    <cellStyle name="標準 3 4 2 3 4 5 3" xfId="7555"/>
    <cellStyle name="標準 3 4 2 3 4 5_原油高騰等の影響業種" xfId="10423"/>
    <cellStyle name="標準 3 4 2 3 4 6" xfId="2389"/>
    <cellStyle name="標準 3 4 2 3 4 6 2" xfId="5341"/>
    <cellStyle name="標準 3 4 2 3 4 6 3" xfId="8293"/>
    <cellStyle name="標準 3 4 2 3 4 6_原油高騰等の影響業種" xfId="10424"/>
    <cellStyle name="標準 3 4 2 3 4 7" xfId="3127"/>
    <cellStyle name="標準 3 4 2 3 4 8" xfId="6079"/>
    <cellStyle name="標準 3 4 2 3 4_原油高騰等の影響業種" xfId="10409"/>
    <cellStyle name="標準 3 4 2 3 5" xfId="216"/>
    <cellStyle name="標準 3 4 2 3 5 2" xfId="589"/>
    <cellStyle name="標準 3 4 2 3 5 2 2" xfId="1327"/>
    <cellStyle name="標準 3 4 2 3 5 2 2 2" xfId="4279"/>
    <cellStyle name="標準 3 4 2 3 5 2 2 3" xfId="7231"/>
    <cellStyle name="標準 3 4 2 3 5 2 2_原油高騰等の影響業種" xfId="10427"/>
    <cellStyle name="標準 3 4 2 3 5 2 3" xfId="2065"/>
    <cellStyle name="標準 3 4 2 3 5 2 3 2" xfId="5017"/>
    <cellStyle name="標準 3 4 2 3 5 2 3 3" xfId="7969"/>
    <cellStyle name="標準 3 4 2 3 5 2 3_原油高騰等の影響業種" xfId="10428"/>
    <cellStyle name="標準 3 4 2 3 5 2 4" xfId="2803"/>
    <cellStyle name="標準 3 4 2 3 5 2 4 2" xfId="5755"/>
    <cellStyle name="標準 3 4 2 3 5 2 4 3" xfId="8707"/>
    <cellStyle name="標準 3 4 2 3 5 2 4_原油高騰等の影響業種" xfId="10429"/>
    <cellStyle name="標準 3 4 2 3 5 2 5" xfId="3541"/>
    <cellStyle name="標準 3 4 2 3 5 2 6" xfId="6493"/>
    <cellStyle name="標準 3 4 2 3 5 2_原油高騰等の影響業種" xfId="10426"/>
    <cellStyle name="標準 3 4 2 3 5 3" xfId="958"/>
    <cellStyle name="標準 3 4 2 3 5 3 2" xfId="3910"/>
    <cellStyle name="標準 3 4 2 3 5 3 3" xfId="6862"/>
    <cellStyle name="標準 3 4 2 3 5 3_原油高騰等の影響業種" xfId="10430"/>
    <cellStyle name="標準 3 4 2 3 5 4" xfId="1696"/>
    <cellStyle name="標準 3 4 2 3 5 4 2" xfId="4648"/>
    <cellStyle name="標準 3 4 2 3 5 4 3" xfId="7600"/>
    <cellStyle name="標準 3 4 2 3 5 4_原油高騰等の影響業種" xfId="10431"/>
    <cellStyle name="標準 3 4 2 3 5 5" xfId="2434"/>
    <cellStyle name="標準 3 4 2 3 5 5 2" xfId="5386"/>
    <cellStyle name="標準 3 4 2 3 5 5 3" xfId="8338"/>
    <cellStyle name="標準 3 4 2 3 5 5_原油高騰等の影響業種" xfId="10432"/>
    <cellStyle name="標準 3 4 2 3 5 6" xfId="3172"/>
    <cellStyle name="標準 3 4 2 3 5 7" xfId="6124"/>
    <cellStyle name="標準 3 4 2 3 5_原油高騰等の影響業種" xfId="10425"/>
    <cellStyle name="標準 3 4 2 3 6" xfId="409"/>
    <cellStyle name="標準 3 4 2 3 6 2" xfId="1147"/>
    <cellStyle name="標準 3 4 2 3 6 2 2" xfId="4099"/>
    <cellStyle name="標準 3 4 2 3 6 2 3" xfId="7051"/>
    <cellStyle name="標準 3 4 2 3 6 2_原油高騰等の影響業種" xfId="10434"/>
    <cellStyle name="標準 3 4 2 3 6 3" xfId="1885"/>
    <cellStyle name="標準 3 4 2 3 6 3 2" xfId="4837"/>
    <cellStyle name="標準 3 4 2 3 6 3 3" xfId="7789"/>
    <cellStyle name="標準 3 4 2 3 6 3_原油高騰等の影響業種" xfId="10435"/>
    <cellStyle name="標準 3 4 2 3 6 4" xfId="2623"/>
    <cellStyle name="標準 3 4 2 3 6 4 2" xfId="5575"/>
    <cellStyle name="標準 3 4 2 3 6 4 3" xfId="8527"/>
    <cellStyle name="標準 3 4 2 3 6 4_原油高騰等の影響業種" xfId="10436"/>
    <cellStyle name="標準 3 4 2 3 6 5" xfId="3361"/>
    <cellStyle name="標準 3 4 2 3 6 6" xfId="6313"/>
    <cellStyle name="標準 3 4 2 3 6_原油高騰等の影響業種" xfId="10433"/>
    <cellStyle name="標準 3 4 2 3 7" xfId="778"/>
    <cellStyle name="標準 3 4 2 3 7 2" xfId="3730"/>
    <cellStyle name="標準 3 4 2 3 7 3" xfId="6682"/>
    <cellStyle name="標準 3 4 2 3 7_原油高騰等の影響業種" xfId="10437"/>
    <cellStyle name="標準 3 4 2 3 8" xfId="1516"/>
    <cellStyle name="標準 3 4 2 3 8 2" xfId="4468"/>
    <cellStyle name="標準 3 4 2 3 8 3" xfId="7420"/>
    <cellStyle name="標準 3 4 2 3 8_原油高騰等の影響業種" xfId="10438"/>
    <cellStyle name="標準 3 4 2 3 9" xfId="2254"/>
    <cellStyle name="標準 3 4 2 3 9 2" xfId="5206"/>
    <cellStyle name="標準 3 4 2 3 9 3" xfId="8158"/>
    <cellStyle name="標準 3 4 2 3 9_原油高騰等の影響業種" xfId="10439"/>
    <cellStyle name="標準 3 4 2 3_原油高騰等の影響業種" xfId="10376"/>
    <cellStyle name="標準 3 4 2 4" xfId="54"/>
    <cellStyle name="標準 3 4 2 4 10" xfId="3010"/>
    <cellStyle name="標準 3 4 2 4 11" xfId="5962"/>
    <cellStyle name="標準 3 4 2 4 2" xfId="99"/>
    <cellStyle name="標準 3 4 2 4 2 2" xfId="279"/>
    <cellStyle name="標準 3 4 2 4 2 2 2" xfId="652"/>
    <cellStyle name="標準 3 4 2 4 2 2 2 2" xfId="1390"/>
    <cellStyle name="標準 3 4 2 4 2 2 2 2 2" xfId="4342"/>
    <cellStyle name="標準 3 4 2 4 2 2 2 2 3" xfId="7294"/>
    <cellStyle name="標準 3 4 2 4 2 2 2 2_原油高騰等の影響業種" xfId="10444"/>
    <cellStyle name="標準 3 4 2 4 2 2 2 3" xfId="2128"/>
    <cellStyle name="標準 3 4 2 4 2 2 2 3 2" xfId="5080"/>
    <cellStyle name="標準 3 4 2 4 2 2 2 3 3" xfId="8032"/>
    <cellStyle name="標準 3 4 2 4 2 2 2 3_原油高騰等の影響業種" xfId="10445"/>
    <cellStyle name="標準 3 4 2 4 2 2 2 4" xfId="2866"/>
    <cellStyle name="標準 3 4 2 4 2 2 2 4 2" xfId="5818"/>
    <cellStyle name="標準 3 4 2 4 2 2 2 4 3" xfId="8770"/>
    <cellStyle name="標準 3 4 2 4 2 2 2 4_原油高騰等の影響業種" xfId="10446"/>
    <cellStyle name="標準 3 4 2 4 2 2 2 5" xfId="3604"/>
    <cellStyle name="標準 3 4 2 4 2 2 2 6" xfId="6556"/>
    <cellStyle name="標準 3 4 2 4 2 2 2_原油高騰等の影響業種" xfId="10443"/>
    <cellStyle name="標準 3 4 2 4 2 2 3" xfId="1021"/>
    <cellStyle name="標準 3 4 2 4 2 2 3 2" xfId="3973"/>
    <cellStyle name="標準 3 4 2 4 2 2 3 3" xfId="6925"/>
    <cellStyle name="標準 3 4 2 4 2 2 3_原油高騰等の影響業種" xfId="10447"/>
    <cellStyle name="標準 3 4 2 4 2 2 4" xfId="1759"/>
    <cellStyle name="標準 3 4 2 4 2 2 4 2" xfId="4711"/>
    <cellStyle name="標準 3 4 2 4 2 2 4 3" xfId="7663"/>
    <cellStyle name="標準 3 4 2 4 2 2 4_原油高騰等の影響業種" xfId="10448"/>
    <cellStyle name="標準 3 4 2 4 2 2 5" xfId="2497"/>
    <cellStyle name="標準 3 4 2 4 2 2 5 2" xfId="5449"/>
    <cellStyle name="標準 3 4 2 4 2 2 5 3" xfId="8401"/>
    <cellStyle name="標準 3 4 2 4 2 2 5_原油高騰等の影響業種" xfId="10449"/>
    <cellStyle name="標準 3 4 2 4 2 2 6" xfId="3235"/>
    <cellStyle name="標準 3 4 2 4 2 2 7" xfId="6187"/>
    <cellStyle name="標準 3 4 2 4 2 2_原油高騰等の影響業種" xfId="10442"/>
    <cellStyle name="標準 3 4 2 4 2 3" xfId="472"/>
    <cellStyle name="標準 3 4 2 4 2 3 2" xfId="1210"/>
    <cellStyle name="標準 3 4 2 4 2 3 2 2" xfId="4162"/>
    <cellStyle name="標準 3 4 2 4 2 3 2 3" xfId="7114"/>
    <cellStyle name="標準 3 4 2 4 2 3 2_原油高騰等の影響業種" xfId="10451"/>
    <cellStyle name="標準 3 4 2 4 2 3 3" xfId="1948"/>
    <cellStyle name="標準 3 4 2 4 2 3 3 2" xfId="4900"/>
    <cellStyle name="標準 3 4 2 4 2 3 3 3" xfId="7852"/>
    <cellStyle name="標準 3 4 2 4 2 3 3_原油高騰等の影響業種" xfId="10452"/>
    <cellStyle name="標準 3 4 2 4 2 3 4" xfId="2686"/>
    <cellStyle name="標準 3 4 2 4 2 3 4 2" xfId="5638"/>
    <cellStyle name="標準 3 4 2 4 2 3 4 3" xfId="8590"/>
    <cellStyle name="標準 3 4 2 4 2 3 4_原油高騰等の影響業種" xfId="10453"/>
    <cellStyle name="標準 3 4 2 4 2 3 5" xfId="3424"/>
    <cellStyle name="標準 3 4 2 4 2 3 6" xfId="6376"/>
    <cellStyle name="標準 3 4 2 4 2 3_原油高騰等の影響業種" xfId="10450"/>
    <cellStyle name="標準 3 4 2 4 2 4" xfId="841"/>
    <cellStyle name="標準 3 4 2 4 2 4 2" xfId="3793"/>
    <cellStyle name="標準 3 4 2 4 2 4 3" xfId="6745"/>
    <cellStyle name="標準 3 4 2 4 2 4_原油高騰等の影響業種" xfId="10454"/>
    <cellStyle name="標準 3 4 2 4 2 5" xfId="1579"/>
    <cellStyle name="標準 3 4 2 4 2 5 2" xfId="4531"/>
    <cellStyle name="標準 3 4 2 4 2 5 3" xfId="7483"/>
    <cellStyle name="標準 3 4 2 4 2 5_原油高騰等の影響業種" xfId="10455"/>
    <cellStyle name="標準 3 4 2 4 2 6" xfId="2317"/>
    <cellStyle name="標準 3 4 2 4 2 6 2" xfId="5269"/>
    <cellStyle name="標準 3 4 2 4 2 6 3" xfId="8221"/>
    <cellStyle name="標準 3 4 2 4 2 6_原油高騰等の影響業種" xfId="10456"/>
    <cellStyle name="標準 3 4 2 4 2 7" xfId="3055"/>
    <cellStyle name="標準 3 4 2 4 2 8" xfId="6007"/>
    <cellStyle name="標準 3 4 2 4 2_原油高騰等の影響業種" xfId="10441"/>
    <cellStyle name="標準 3 4 2 4 3" xfId="144"/>
    <cellStyle name="標準 3 4 2 4 3 2" xfId="324"/>
    <cellStyle name="標準 3 4 2 4 3 2 2" xfId="697"/>
    <cellStyle name="標準 3 4 2 4 3 2 2 2" xfId="1435"/>
    <cellStyle name="標準 3 4 2 4 3 2 2 2 2" xfId="4387"/>
    <cellStyle name="標準 3 4 2 4 3 2 2 2 3" xfId="7339"/>
    <cellStyle name="標準 3 4 2 4 3 2 2 2_原油高騰等の影響業種" xfId="10460"/>
    <cellStyle name="標準 3 4 2 4 3 2 2 3" xfId="2173"/>
    <cellStyle name="標準 3 4 2 4 3 2 2 3 2" xfId="5125"/>
    <cellStyle name="標準 3 4 2 4 3 2 2 3 3" xfId="8077"/>
    <cellStyle name="標準 3 4 2 4 3 2 2 3_原油高騰等の影響業種" xfId="10461"/>
    <cellStyle name="標準 3 4 2 4 3 2 2 4" xfId="2911"/>
    <cellStyle name="標準 3 4 2 4 3 2 2 4 2" xfId="5863"/>
    <cellStyle name="標準 3 4 2 4 3 2 2 4 3" xfId="8815"/>
    <cellStyle name="標準 3 4 2 4 3 2 2 4_原油高騰等の影響業種" xfId="10462"/>
    <cellStyle name="標準 3 4 2 4 3 2 2 5" xfId="3649"/>
    <cellStyle name="標準 3 4 2 4 3 2 2 6" xfId="6601"/>
    <cellStyle name="標準 3 4 2 4 3 2 2_原油高騰等の影響業種" xfId="10459"/>
    <cellStyle name="標準 3 4 2 4 3 2 3" xfId="1066"/>
    <cellStyle name="標準 3 4 2 4 3 2 3 2" xfId="4018"/>
    <cellStyle name="標準 3 4 2 4 3 2 3 3" xfId="6970"/>
    <cellStyle name="標準 3 4 2 4 3 2 3_原油高騰等の影響業種" xfId="10463"/>
    <cellStyle name="標準 3 4 2 4 3 2 4" xfId="1804"/>
    <cellStyle name="標準 3 4 2 4 3 2 4 2" xfId="4756"/>
    <cellStyle name="標準 3 4 2 4 3 2 4 3" xfId="7708"/>
    <cellStyle name="標準 3 4 2 4 3 2 4_原油高騰等の影響業種" xfId="10464"/>
    <cellStyle name="標準 3 4 2 4 3 2 5" xfId="2542"/>
    <cellStyle name="標準 3 4 2 4 3 2 5 2" xfId="5494"/>
    <cellStyle name="標準 3 4 2 4 3 2 5 3" xfId="8446"/>
    <cellStyle name="標準 3 4 2 4 3 2 5_原油高騰等の影響業種" xfId="10465"/>
    <cellStyle name="標準 3 4 2 4 3 2 6" xfId="3280"/>
    <cellStyle name="標準 3 4 2 4 3 2 7" xfId="6232"/>
    <cellStyle name="標準 3 4 2 4 3 2_原油高騰等の影響業種" xfId="10458"/>
    <cellStyle name="標準 3 4 2 4 3 3" xfId="517"/>
    <cellStyle name="標準 3 4 2 4 3 3 2" xfId="1255"/>
    <cellStyle name="標準 3 4 2 4 3 3 2 2" xfId="4207"/>
    <cellStyle name="標準 3 4 2 4 3 3 2 3" xfId="7159"/>
    <cellStyle name="標準 3 4 2 4 3 3 2_原油高騰等の影響業種" xfId="10467"/>
    <cellStyle name="標準 3 4 2 4 3 3 3" xfId="1993"/>
    <cellStyle name="標準 3 4 2 4 3 3 3 2" xfId="4945"/>
    <cellStyle name="標準 3 4 2 4 3 3 3 3" xfId="7897"/>
    <cellStyle name="標準 3 4 2 4 3 3 3_原油高騰等の影響業種" xfId="10468"/>
    <cellStyle name="標準 3 4 2 4 3 3 4" xfId="2731"/>
    <cellStyle name="標準 3 4 2 4 3 3 4 2" xfId="5683"/>
    <cellStyle name="標準 3 4 2 4 3 3 4 3" xfId="8635"/>
    <cellStyle name="標準 3 4 2 4 3 3 4_原油高騰等の影響業種" xfId="10469"/>
    <cellStyle name="標準 3 4 2 4 3 3 5" xfId="3469"/>
    <cellStyle name="標準 3 4 2 4 3 3 6" xfId="6421"/>
    <cellStyle name="標準 3 4 2 4 3 3_原油高騰等の影響業種" xfId="10466"/>
    <cellStyle name="標準 3 4 2 4 3 4" xfId="886"/>
    <cellStyle name="標準 3 4 2 4 3 4 2" xfId="3838"/>
    <cellStyle name="標準 3 4 2 4 3 4 3" xfId="6790"/>
    <cellStyle name="標準 3 4 2 4 3 4_原油高騰等の影響業種" xfId="10470"/>
    <cellStyle name="標準 3 4 2 4 3 5" xfId="1624"/>
    <cellStyle name="標準 3 4 2 4 3 5 2" xfId="4576"/>
    <cellStyle name="標準 3 4 2 4 3 5 3" xfId="7528"/>
    <cellStyle name="標準 3 4 2 4 3 5_原油高騰等の影響業種" xfId="10471"/>
    <cellStyle name="標準 3 4 2 4 3 6" xfId="2362"/>
    <cellStyle name="標準 3 4 2 4 3 6 2" xfId="5314"/>
    <cellStyle name="標準 3 4 2 4 3 6 3" xfId="8266"/>
    <cellStyle name="標準 3 4 2 4 3 6_原油高騰等の影響業種" xfId="10472"/>
    <cellStyle name="標準 3 4 2 4 3 7" xfId="3100"/>
    <cellStyle name="標準 3 4 2 4 3 8" xfId="6052"/>
    <cellStyle name="標準 3 4 2 4 3_原油高騰等の影響業種" xfId="10457"/>
    <cellStyle name="標準 3 4 2 4 4" xfId="189"/>
    <cellStyle name="標準 3 4 2 4 4 2" xfId="369"/>
    <cellStyle name="標準 3 4 2 4 4 2 2" xfId="742"/>
    <cellStyle name="標準 3 4 2 4 4 2 2 2" xfId="1480"/>
    <cellStyle name="標準 3 4 2 4 4 2 2 2 2" xfId="4432"/>
    <cellStyle name="標準 3 4 2 4 4 2 2 2 3" xfId="7384"/>
    <cellStyle name="標準 3 4 2 4 4 2 2 2_原油高騰等の影響業種" xfId="10476"/>
    <cellStyle name="標準 3 4 2 4 4 2 2 3" xfId="2218"/>
    <cellStyle name="標準 3 4 2 4 4 2 2 3 2" xfId="5170"/>
    <cellStyle name="標準 3 4 2 4 4 2 2 3 3" xfId="8122"/>
    <cellStyle name="標準 3 4 2 4 4 2 2 3_原油高騰等の影響業種" xfId="10477"/>
    <cellStyle name="標準 3 4 2 4 4 2 2 4" xfId="2956"/>
    <cellStyle name="標準 3 4 2 4 4 2 2 4 2" xfId="5908"/>
    <cellStyle name="標準 3 4 2 4 4 2 2 4 3" xfId="8860"/>
    <cellStyle name="標準 3 4 2 4 4 2 2 4_原油高騰等の影響業種" xfId="10478"/>
    <cellStyle name="標準 3 4 2 4 4 2 2 5" xfId="3694"/>
    <cellStyle name="標準 3 4 2 4 4 2 2 6" xfId="6646"/>
    <cellStyle name="標準 3 4 2 4 4 2 2_原油高騰等の影響業種" xfId="10475"/>
    <cellStyle name="標準 3 4 2 4 4 2 3" xfId="1111"/>
    <cellStyle name="標準 3 4 2 4 4 2 3 2" xfId="4063"/>
    <cellStyle name="標準 3 4 2 4 4 2 3 3" xfId="7015"/>
    <cellStyle name="標準 3 4 2 4 4 2 3_原油高騰等の影響業種" xfId="10479"/>
    <cellStyle name="標準 3 4 2 4 4 2 4" xfId="1849"/>
    <cellStyle name="標準 3 4 2 4 4 2 4 2" xfId="4801"/>
    <cellStyle name="標準 3 4 2 4 4 2 4 3" xfId="7753"/>
    <cellStyle name="標準 3 4 2 4 4 2 4_原油高騰等の影響業種" xfId="10480"/>
    <cellStyle name="標準 3 4 2 4 4 2 5" xfId="2587"/>
    <cellStyle name="標準 3 4 2 4 4 2 5 2" xfId="5539"/>
    <cellStyle name="標準 3 4 2 4 4 2 5 3" xfId="8491"/>
    <cellStyle name="標準 3 4 2 4 4 2 5_原油高騰等の影響業種" xfId="10481"/>
    <cellStyle name="標準 3 4 2 4 4 2 6" xfId="3325"/>
    <cellStyle name="標準 3 4 2 4 4 2 7" xfId="6277"/>
    <cellStyle name="標準 3 4 2 4 4 2_原油高騰等の影響業種" xfId="10474"/>
    <cellStyle name="標準 3 4 2 4 4 3" xfId="562"/>
    <cellStyle name="標準 3 4 2 4 4 3 2" xfId="1300"/>
    <cellStyle name="標準 3 4 2 4 4 3 2 2" xfId="4252"/>
    <cellStyle name="標準 3 4 2 4 4 3 2 3" xfId="7204"/>
    <cellStyle name="標準 3 4 2 4 4 3 2_原油高騰等の影響業種" xfId="10483"/>
    <cellStyle name="標準 3 4 2 4 4 3 3" xfId="2038"/>
    <cellStyle name="標準 3 4 2 4 4 3 3 2" xfId="4990"/>
    <cellStyle name="標準 3 4 2 4 4 3 3 3" xfId="7942"/>
    <cellStyle name="標準 3 4 2 4 4 3 3_原油高騰等の影響業種" xfId="10484"/>
    <cellStyle name="標準 3 4 2 4 4 3 4" xfId="2776"/>
    <cellStyle name="標準 3 4 2 4 4 3 4 2" xfId="5728"/>
    <cellStyle name="標準 3 4 2 4 4 3 4 3" xfId="8680"/>
    <cellStyle name="標準 3 4 2 4 4 3 4_原油高騰等の影響業種" xfId="10485"/>
    <cellStyle name="標準 3 4 2 4 4 3 5" xfId="3514"/>
    <cellStyle name="標準 3 4 2 4 4 3 6" xfId="6466"/>
    <cellStyle name="標準 3 4 2 4 4 3_原油高騰等の影響業種" xfId="10482"/>
    <cellStyle name="標準 3 4 2 4 4 4" xfId="931"/>
    <cellStyle name="標準 3 4 2 4 4 4 2" xfId="3883"/>
    <cellStyle name="標準 3 4 2 4 4 4 3" xfId="6835"/>
    <cellStyle name="標準 3 4 2 4 4 4_原油高騰等の影響業種" xfId="10486"/>
    <cellStyle name="標準 3 4 2 4 4 5" xfId="1669"/>
    <cellStyle name="標準 3 4 2 4 4 5 2" xfId="4621"/>
    <cellStyle name="標準 3 4 2 4 4 5 3" xfId="7573"/>
    <cellStyle name="標準 3 4 2 4 4 5_原油高騰等の影響業種" xfId="10487"/>
    <cellStyle name="標準 3 4 2 4 4 6" xfId="2407"/>
    <cellStyle name="標準 3 4 2 4 4 6 2" xfId="5359"/>
    <cellStyle name="標準 3 4 2 4 4 6 3" xfId="8311"/>
    <cellStyle name="標準 3 4 2 4 4 6_原油高騰等の影響業種" xfId="10488"/>
    <cellStyle name="標準 3 4 2 4 4 7" xfId="3145"/>
    <cellStyle name="標準 3 4 2 4 4 8" xfId="6097"/>
    <cellStyle name="標準 3 4 2 4 4_原油高騰等の影響業種" xfId="10473"/>
    <cellStyle name="標準 3 4 2 4 5" xfId="234"/>
    <cellStyle name="標準 3 4 2 4 5 2" xfId="607"/>
    <cellStyle name="標準 3 4 2 4 5 2 2" xfId="1345"/>
    <cellStyle name="標準 3 4 2 4 5 2 2 2" xfId="4297"/>
    <cellStyle name="標準 3 4 2 4 5 2 2 3" xfId="7249"/>
    <cellStyle name="標準 3 4 2 4 5 2 2_原油高騰等の影響業種" xfId="10491"/>
    <cellStyle name="標準 3 4 2 4 5 2 3" xfId="2083"/>
    <cellStyle name="標準 3 4 2 4 5 2 3 2" xfId="5035"/>
    <cellStyle name="標準 3 4 2 4 5 2 3 3" xfId="7987"/>
    <cellStyle name="標準 3 4 2 4 5 2 3_原油高騰等の影響業種" xfId="10492"/>
    <cellStyle name="標準 3 4 2 4 5 2 4" xfId="2821"/>
    <cellStyle name="標準 3 4 2 4 5 2 4 2" xfId="5773"/>
    <cellStyle name="標準 3 4 2 4 5 2 4 3" xfId="8725"/>
    <cellStyle name="標準 3 4 2 4 5 2 4_原油高騰等の影響業種" xfId="10493"/>
    <cellStyle name="標準 3 4 2 4 5 2 5" xfId="3559"/>
    <cellStyle name="標準 3 4 2 4 5 2 6" xfId="6511"/>
    <cellStyle name="標準 3 4 2 4 5 2_原油高騰等の影響業種" xfId="10490"/>
    <cellStyle name="標準 3 4 2 4 5 3" xfId="976"/>
    <cellStyle name="標準 3 4 2 4 5 3 2" xfId="3928"/>
    <cellStyle name="標準 3 4 2 4 5 3 3" xfId="6880"/>
    <cellStyle name="標準 3 4 2 4 5 3_原油高騰等の影響業種" xfId="10494"/>
    <cellStyle name="標準 3 4 2 4 5 4" xfId="1714"/>
    <cellStyle name="標準 3 4 2 4 5 4 2" xfId="4666"/>
    <cellStyle name="標準 3 4 2 4 5 4 3" xfId="7618"/>
    <cellStyle name="標準 3 4 2 4 5 4_原油高騰等の影響業種" xfId="10495"/>
    <cellStyle name="標準 3 4 2 4 5 5" xfId="2452"/>
    <cellStyle name="標準 3 4 2 4 5 5 2" xfId="5404"/>
    <cellStyle name="標準 3 4 2 4 5 5 3" xfId="8356"/>
    <cellStyle name="標準 3 4 2 4 5 5_原油高騰等の影響業種" xfId="10496"/>
    <cellStyle name="標準 3 4 2 4 5 6" xfId="3190"/>
    <cellStyle name="標準 3 4 2 4 5 7" xfId="6142"/>
    <cellStyle name="標準 3 4 2 4 5_原油高騰等の影響業種" xfId="10489"/>
    <cellStyle name="標準 3 4 2 4 6" xfId="427"/>
    <cellStyle name="標準 3 4 2 4 6 2" xfId="1165"/>
    <cellStyle name="標準 3 4 2 4 6 2 2" xfId="4117"/>
    <cellStyle name="標準 3 4 2 4 6 2 3" xfId="7069"/>
    <cellStyle name="標準 3 4 2 4 6 2_原油高騰等の影響業種" xfId="10498"/>
    <cellStyle name="標準 3 4 2 4 6 3" xfId="1903"/>
    <cellStyle name="標準 3 4 2 4 6 3 2" xfId="4855"/>
    <cellStyle name="標準 3 4 2 4 6 3 3" xfId="7807"/>
    <cellStyle name="標準 3 4 2 4 6 3_原油高騰等の影響業種" xfId="10499"/>
    <cellStyle name="標準 3 4 2 4 6 4" xfId="2641"/>
    <cellStyle name="標準 3 4 2 4 6 4 2" xfId="5593"/>
    <cellStyle name="標準 3 4 2 4 6 4 3" xfId="8545"/>
    <cellStyle name="標準 3 4 2 4 6 4_原油高騰等の影響業種" xfId="10500"/>
    <cellStyle name="標準 3 4 2 4 6 5" xfId="3379"/>
    <cellStyle name="標準 3 4 2 4 6 6" xfId="6331"/>
    <cellStyle name="標準 3 4 2 4 6_原油高騰等の影響業種" xfId="10497"/>
    <cellStyle name="標準 3 4 2 4 7" xfId="796"/>
    <cellStyle name="標準 3 4 2 4 7 2" xfId="3748"/>
    <cellStyle name="標準 3 4 2 4 7 3" xfId="6700"/>
    <cellStyle name="標準 3 4 2 4 7_原油高騰等の影響業種" xfId="10501"/>
    <cellStyle name="標準 3 4 2 4 8" xfId="1534"/>
    <cellStyle name="標準 3 4 2 4 8 2" xfId="4486"/>
    <cellStyle name="標準 3 4 2 4 8 3" xfId="7438"/>
    <cellStyle name="標準 3 4 2 4 8_原油高騰等の影響業種" xfId="10502"/>
    <cellStyle name="標準 3 4 2 4 9" xfId="2272"/>
    <cellStyle name="標準 3 4 2 4 9 2" xfId="5224"/>
    <cellStyle name="標準 3 4 2 4 9 3" xfId="8176"/>
    <cellStyle name="標準 3 4 2 4 9_原油高騰等の影響業種" xfId="10503"/>
    <cellStyle name="標準 3 4 2 4_原油高騰等の影響業種" xfId="10440"/>
    <cellStyle name="標準 3 4 2 5" xfId="63"/>
    <cellStyle name="標準 3 4 2 5 2" xfId="243"/>
    <cellStyle name="標準 3 4 2 5 2 2" xfId="616"/>
    <cellStyle name="標準 3 4 2 5 2 2 2" xfId="1354"/>
    <cellStyle name="標準 3 4 2 5 2 2 2 2" xfId="4306"/>
    <cellStyle name="標準 3 4 2 5 2 2 2 3" xfId="7258"/>
    <cellStyle name="標準 3 4 2 5 2 2 2_原油高騰等の影響業種" xfId="10507"/>
    <cellStyle name="標準 3 4 2 5 2 2 3" xfId="2092"/>
    <cellStyle name="標準 3 4 2 5 2 2 3 2" xfId="5044"/>
    <cellStyle name="標準 3 4 2 5 2 2 3 3" xfId="7996"/>
    <cellStyle name="標準 3 4 2 5 2 2 3_原油高騰等の影響業種" xfId="10508"/>
    <cellStyle name="標準 3 4 2 5 2 2 4" xfId="2830"/>
    <cellStyle name="標準 3 4 2 5 2 2 4 2" xfId="5782"/>
    <cellStyle name="標準 3 4 2 5 2 2 4 3" xfId="8734"/>
    <cellStyle name="標準 3 4 2 5 2 2 4_原油高騰等の影響業種" xfId="10509"/>
    <cellStyle name="標準 3 4 2 5 2 2 5" xfId="3568"/>
    <cellStyle name="標準 3 4 2 5 2 2 6" xfId="6520"/>
    <cellStyle name="標準 3 4 2 5 2 2_原油高騰等の影響業種" xfId="10506"/>
    <cellStyle name="標準 3 4 2 5 2 3" xfId="985"/>
    <cellStyle name="標準 3 4 2 5 2 3 2" xfId="3937"/>
    <cellStyle name="標準 3 4 2 5 2 3 3" xfId="6889"/>
    <cellStyle name="標準 3 4 2 5 2 3_原油高騰等の影響業種" xfId="10510"/>
    <cellStyle name="標準 3 4 2 5 2 4" xfId="1723"/>
    <cellStyle name="標準 3 4 2 5 2 4 2" xfId="4675"/>
    <cellStyle name="標準 3 4 2 5 2 4 3" xfId="7627"/>
    <cellStyle name="標準 3 4 2 5 2 4_原油高騰等の影響業種" xfId="10511"/>
    <cellStyle name="標準 3 4 2 5 2 5" xfId="2461"/>
    <cellStyle name="標準 3 4 2 5 2 5 2" xfId="5413"/>
    <cellStyle name="標準 3 4 2 5 2 5 3" xfId="8365"/>
    <cellStyle name="標準 3 4 2 5 2 5_原油高騰等の影響業種" xfId="10512"/>
    <cellStyle name="標準 3 4 2 5 2 6" xfId="3199"/>
    <cellStyle name="標準 3 4 2 5 2 7" xfId="6151"/>
    <cellStyle name="標準 3 4 2 5 2_原油高騰等の影響業種" xfId="10505"/>
    <cellStyle name="標準 3 4 2 5 3" xfId="436"/>
    <cellStyle name="標準 3 4 2 5 3 2" xfId="1174"/>
    <cellStyle name="標準 3 4 2 5 3 2 2" xfId="4126"/>
    <cellStyle name="標準 3 4 2 5 3 2 3" xfId="7078"/>
    <cellStyle name="標準 3 4 2 5 3 2_原油高騰等の影響業種" xfId="10514"/>
    <cellStyle name="標準 3 4 2 5 3 3" xfId="1912"/>
    <cellStyle name="標準 3 4 2 5 3 3 2" xfId="4864"/>
    <cellStyle name="標準 3 4 2 5 3 3 3" xfId="7816"/>
    <cellStyle name="標準 3 4 2 5 3 3_原油高騰等の影響業種" xfId="10515"/>
    <cellStyle name="標準 3 4 2 5 3 4" xfId="2650"/>
    <cellStyle name="標準 3 4 2 5 3 4 2" xfId="5602"/>
    <cellStyle name="標準 3 4 2 5 3 4 3" xfId="8554"/>
    <cellStyle name="標準 3 4 2 5 3 4_原油高騰等の影響業種" xfId="10516"/>
    <cellStyle name="標準 3 4 2 5 3 5" xfId="3388"/>
    <cellStyle name="標準 3 4 2 5 3 6" xfId="6340"/>
    <cellStyle name="標準 3 4 2 5 3_原油高騰等の影響業種" xfId="10513"/>
    <cellStyle name="標準 3 4 2 5 4" xfId="805"/>
    <cellStyle name="標準 3 4 2 5 4 2" xfId="3757"/>
    <cellStyle name="標準 3 4 2 5 4 3" xfId="6709"/>
    <cellStyle name="標準 3 4 2 5 4_原油高騰等の影響業種" xfId="10517"/>
    <cellStyle name="標準 3 4 2 5 5" xfId="1543"/>
    <cellStyle name="標準 3 4 2 5 5 2" xfId="4495"/>
    <cellStyle name="標準 3 4 2 5 5 3" xfId="7447"/>
    <cellStyle name="標準 3 4 2 5 5_原油高騰等の影響業種" xfId="10518"/>
    <cellStyle name="標準 3 4 2 5 6" xfId="2281"/>
    <cellStyle name="標準 3 4 2 5 6 2" xfId="5233"/>
    <cellStyle name="標準 3 4 2 5 6 3" xfId="8185"/>
    <cellStyle name="標準 3 4 2 5 6_原油高騰等の影響業種" xfId="10519"/>
    <cellStyle name="標準 3 4 2 5 7" xfId="3019"/>
    <cellStyle name="標準 3 4 2 5 8" xfId="5971"/>
    <cellStyle name="標準 3 4 2 5_原油高騰等の影響業種" xfId="10504"/>
    <cellStyle name="標準 3 4 2 6" xfId="108"/>
    <cellStyle name="標準 3 4 2 6 2" xfId="288"/>
    <cellStyle name="標準 3 4 2 6 2 2" xfId="661"/>
    <cellStyle name="標準 3 4 2 6 2 2 2" xfId="1399"/>
    <cellStyle name="標準 3 4 2 6 2 2 2 2" xfId="4351"/>
    <cellStyle name="標準 3 4 2 6 2 2 2 3" xfId="7303"/>
    <cellStyle name="標準 3 4 2 6 2 2 2_原油高騰等の影響業種" xfId="10523"/>
    <cellStyle name="標準 3 4 2 6 2 2 3" xfId="2137"/>
    <cellStyle name="標準 3 4 2 6 2 2 3 2" xfId="5089"/>
    <cellStyle name="標準 3 4 2 6 2 2 3 3" xfId="8041"/>
    <cellStyle name="標準 3 4 2 6 2 2 3_原油高騰等の影響業種" xfId="10524"/>
    <cellStyle name="標準 3 4 2 6 2 2 4" xfId="2875"/>
    <cellStyle name="標準 3 4 2 6 2 2 4 2" xfId="5827"/>
    <cellStyle name="標準 3 4 2 6 2 2 4 3" xfId="8779"/>
    <cellStyle name="標準 3 4 2 6 2 2 4_原油高騰等の影響業種" xfId="10525"/>
    <cellStyle name="標準 3 4 2 6 2 2 5" xfId="3613"/>
    <cellStyle name="標準 3 4 2 6 2 2 6" xfId="6565"/>
    <cellStyle name="標準 3 4 2 6 2 2_原油高騰等の影響業種" xfId="10522"/>
    <cellStyle name="標準 3 4 2 6 2 3" xfId="1030"/>
    <cellStyle name="標準 3 4 2 6 2 3 2" xfId="3982"/>
    <cellStyle name="標準 3 4 2 6 2 3 3" xfId="6934"/>
    <cellStyle name="標準 3 4 2 6 2 3_原油高騰等の影響業種" xfId="10526"/>
    <cellStyle name="標準 3 4 2 6 2 4" xfId="1768"/>
    <cellStyle name="標準 3 4 2 6 2 4 2" xfId="4720"/>
    <cellStyle name="標準 3 4 2 6 2 4 3" xfId="7672"/>
    <cellStyle name="標準 3 4 2 6 2 4_原油高騰等の影響業種" xfId="10527"/>
    <cellStyle name="標準 3 4 2 6 2 5" xfId="2506"/>
    <cellStyle name="標準 3 4 2 6 2 5 2" xfId="5458"/>
    <cellStyle name="標準 3 4 2 6 2 5 3" xfId="8410"/>
    <cellStyle name="標準 3 4 2 6 2 5_原油高騰等の影響業種" xfId="10528"/>
    <cellStyle name="標準 3 4 2 6 2 6" xfId="3244"/>
    <cellStyle name="標準 3 4 2 6 2 7" xfId="6196"/>
    <cellStyle name="標準 3 4 2 6 2_原油高騰等の影響業種" xfId="10521"/>
    <cellStyle name="標準 3 4 2 6 3" xfId="481"/>
    <cellStyle name="標準 3 4 2 6 3 2" xfId="1219"/>
    <cellStyle name="標準 3 4 2 6 3 2 2" xfId="4171"/>
    <cellStyle name="標準 3 4 2 6 3 2 3" xfId="7123"/>
    <cellStyle name="標準 3 4 2 6 3 2_原油高騰等の影響業種" xfId="10530"/>
    <cellStyle name="標準 3 4 2 6 3 3" xfId="1957"/>
    <cellStyle name="標準 3 4 2 6 3 3 2" xfId="4909"/>
    <cellStyle name="標準 3 4 2 6 3 3 3" xfId="7861"/>
    <cellStyle name="標準 3 4 2 6 3 3_原油高騰等の影響業種" xfId="10531"/>
    <cellStyle name="標準 3 4 2 6 3 4" xfId="2695"/>
    <cellStyle name="標準 3 4 2 6 3 4 2" xfId="5647"/>
    <cellStyle name="標準 3 4 2 6 3 4 3" xfId="8599"/>
    <cellStyle name="標準 3 4 2 6 3 4_原油高騰等の影響業種" xfId="10532"/>
    <cellStyle name="標準 3 4 2 6 3 5" xfId="3433"/>
    <cellStyle name="標準 3 4 2 6 3 6" xfId="6385"/>
    <cellStyle name="標準 3 4 2 6 3_原油高騰等の影響業種" xfId="10529"/>
    <cellStyle name="標準 3 4 2 6 4" xfId="850"/>
    <cellStyle name="標準 3 4 2 6 4 2" xfId="3802"/>
    <cellStyle name="標準 3 4 2 6 4 3" xfId="6754"/>
    <cellStyle name="標準 3 4 2 6 4_原油高騰等の影響業種" xfId="10533"/>
    <cellStyle name="標準 3 4 2 6 5" xfId="1588"/>
    <cellStyle name="標準 3 4 2 6 5 2" xfId="4540"/>
    <cellStyle name="標準 3 4 2 6 5 3" xfId="7492"/>
    <cellStyle name="標準 3 4 2 6 5_原油高騰等の影響業種" xfId="10534"/>
    <cellStyle name="標準 3 4 2 6 6" xfId="2326"/>
    <cellStyle name="標準 3 4 2 6 6 2" xfId="5278"/>
    <cellStyle name="標準 3 4 2 6 6 3" xfId="8230"/>
    <cellStyle name="標準 3 4 2 6 6_原油高騰等の影響業種" xfId="10535"/>
    <cellStyle name="標準 3 4 2 6 7" xfId="3064"/>
    <cellStyle name="標準 3 4 2 6 8" xfId="6016"/>
    <cellStyle name="標準 3 4 2 6_原油高騰等の影響業種" xfId="10520"/>
    <cellStyle name="標準 3 4 2 7" xfId="153"/>
    <cellStyle name="標準 3 4 2 7 2" xfId="333"/>
    <cellStyle name="標準 3 4 2 7 2 2" xfId="706"/>
    <cellStyle name="標準 3 4 2 7 2 2 2" xfId="1444"/>
    <cellStyle name="標準 3 4 2 7 2 2 2 2" xfId="4396"/>
    <cellStyle name="標準 3 4 2 7 2 2 2 3" xfId="7348"/>
    <cellStyle name="標準 3 4 2 7 2 2 2_原油高騰等の影響業種" xfId="10539"/>
    <cellStyle name="標準 3 4 2 7 2 2 3" xfId="2182"/>
    <cellStyle name="標準 3 4 2 7 2 2 3 2" xfId="5134"/>
    <cellStyle name="標準 3 4 2 7 2 2 3 3" xfId="8086"/>
    <cellStyle name="標準 3 4 2 7 2 2 3_原油高騰等の影響業種" xfId="10540"/>
    <cellStyle name="標準 3 4 2 7 2 2 4" xfId="2920"/>
    <cellStyle name="標準 3 4 2 7 2 2 4 2" xfId="5872"/>
    <cellStyle name="標準 3 4 2 7 2 2 4 3" xfId="8824"/>
    <cellStyle name="標準 3 4 2 7 2 2 4_原油高騰等の影響業種" xfId="10541"/>
    <cellStyle name="標準 3 4 2 7 2 2 5" xfId="3658"/>
    <cellStyle name="標準 3 4 2 7 2 2 6" xfId="6610"/>
    <cellStyle name="標準 3 4 2 7 2 2_原油高騰等の影響業種" xfId="10538"/>
    <cellStyle name="標準 3 4 2 7 2 3" xfId="1075"/>
    <cellStyle name="標準 3 4 2 7 2 3 2" xfId="4027"/>
    <cellStyle name="標準 3 4 2 7 2 3 3" xfId="6979"/>
    <cellStyle name="標準 3 4 2 7 2 3_原油高騰等の影響業種" xfId="10542"/>
    <cellStyle name="標準 3 4 2 7 2 4" xfId="1813"/>
    <cellStyle name="標準 3 4 2 7 2 4 2" xfId="4765"/>
    <cellStyle name="標準 3 4 2 7 2 4 3" xfId="7717"/>
    <cellStyle name="標準 3 4 2 7 2 4_原油高騰等の影響業種" xfId="10543"/>
    <cellStyle name="標準 3 4 2 7 2 5" xfId="2551"/>
    <cellStyle name="標準 3 4 2 7 2 5 2" xfId="5503"/>
    <cellStyle name="標準 3 4 2 7 2 5 3" xfId="8455"/>
    <cellStyle name="標準 3 4 2 7 2 5_原油高騰等の影響業種" xfId="10544"/>
    <cellStyle name="標準 3 4 2 7 2 6" xfId="3289"/>
    <cellStyle name="標準 3 4 2 7 2 7" xfId="6241"/>
    <cellStyle name="標準 3 4 2 7 2_原油高騰等の影響業種" xfId="10537"/>
    <cellStyle name="標準 3 4 2 7 3" xfId="526"/>
    <cellStyle name="標準 3 4 2 7 3 2" xfId="1264"/>
    <cellStyle name="標準 3 4 2 7 3 2 2" xfId="4216"/>
    <cellStyle name="標準 3 4 2 7 3 2 3" xfId="7168"/>
    <cellStyle name="標準 3 4 2 7 3 2_原油高騰等の影響業種" xfId="10546"/>
    <cellStyle name="標準 3 4 2 7 3 3" xfId="2002"/>
    <cellStyle name="標準 3 4 2 7 3 3 2" xfId="4954"/>
    <cellStyle name="標準 3 4 2 7 3 3 3" xfId="7906"/>
    <cellStyle name="標準 3 4 2 7 3 3_原油高騰等の影響業種" xfId="10547"/>
    <cellStyle name="標準 3 4 2 7 3 4" xfId="2740"/>
    <cellStyle name="標準 3 4 2 7 3 4 2" xfId="5692"/>
    <cellStyle name="標準 3 4 2 7 3 4 3" xfId="8644"/>
    <cellStyle name="標準 3 4 2 7 3 4_原油高騰等の影響業種" xfId="10548"/>
    <cellStyle name="標準 3 4 2 7 3 5" xfId="3478"/>
    <cellStyle name="標準 3 4 2 7 3 6" xfId="6430"/>
    <cellStyle name="標準 3 4 2 7 3_原油高騰等の影響業種" xfId="10545"/>
    <cellStyle name="標準 3 4 2 7 4" xfId="895"/>
    <cellStyle name="標準 3 4 2 7 4 2" xfId="3847"/>
    <cellStyle name="標準 3 4 2 7 4 3" xfId="6799"/>
    <cellStyle name="標準 3 4 2 7 4_原油高騰等の影響業種" xfId="10549"/>
    <cellStyle name="標準 3 4 2 7 5" xfId="1633"/>
    <cellStyle name="標準 3 4 2 7 5 2" xfId="4585"/>
    <cellStyle name="標準 3 4 2 7 5 3" xfId="7537"/>
    <cellStyle name="標準 3 4 2 7 5_原油高騰等の影響業種" xfId="10550"/>
    <cellStyle name="標準 3 4 2 7 6" xfId="2371"/>
    <cellStyle name="標準 3 4 2 7 6 2" xfId="5323"/>
    <cellStyle name="標準 3 4 2 7 6 3" xfId="8275"/>
    <cellStyle name="標準 3 4 2 7 6_原油高騰等の影響業種" xfId="10551"/>
    <cellStyle name="標準 3 4 2 7 7" xfId="3109"/>
    <cellStyle name="標準 3 4 2 7 8" xfId="6061"/>
    <cellStyle name="標準 3 4 2 7_原油高騰等の影響業種" xfId="10536"/>
    <cellStyle name="標準 3 4 2 8" xfId="198"/>
    <cellStyle name="標準 3 4 2 8 2" xfId="571"/>
    <cellStyle name="標準 3 4 2 8 2 2" xfId="1309"/>
    <cellStyle name="標準 3 4 2 8 2 2 2" xfId="4261"/>
    <cellStyle name="標準 3 4 2 8 2 2 3" xfId="7213"/>
    <cellStyle name="標準 3 4 2 8 2 2_原油高騰等の影響業種" xfId="10554"/>
    <cellStyle name="標準 3 4 2 8 2 3" xfId="2047"/>
    <cellStyle name="標準 3 4 2 8 2 3 2" xfId="4999"/>
    <cellStyle name="標準 3 4 2 8 2 3 3" xfId="7951"/>
    <cellStyle name="標準 3 4 2 8 2 3_原油高騰等の影響業種" xfId="10555"/>
    <cellStyle name="標準 3 4 2 8 2 4" xfId="2785"/>
    <cellStyle name="標準 3 4 2 8 2 4 2" xfId="5737"/>
    <cellStyle name="標準 3 4 2 8 2 4 3" xfId="8689"/>
    <cellStyle name="標準 3 4 2 8 2 4_原油高騰等の影響業種" xfId="10556"/>
    <cellStyle name="標準 3 4 2 8 2 5" xfId="3523"/>
    <cellStyle name="標準 3 4 2 8 2 6" xfId="6475"/>
    <cellStyle name="標準 3 4 2 8 2_原油高騰等の影響業種" xfId="10553"/>
    <cellStyle name="標準 3 4 2 8 3" xfId="940"/>
    <cellStyle name="標準 3 4 2 8 3 2" xfId="3892"/>
    <cellStyle name="標準 3 4 2 8 3 3" xfId="6844"/>
    <cellStyle name="標準 3 4 2 8 3_原油高騰等の影響業種" xfId="10557"/>
    <cellStyle name="標準 3 4 2 8 4" xfId="1678"/>
    <cellStyle name="標準 3 4 2 8 4 2" xfId="4630"/>
    <cellStyle name="標準 3 4 2 8 4 3" xfId="7582"/>
    <cellStyle name="標準 3 4 2 8 4_原油高騰等の影響業種" xfId="10558"/>
    <cellStyle name="標準 3 4 2 8 5" xfId="2416"/>
    <cellStyle name="標準 3 4 2 8 5 2" xfId="5368"/>
    <cellStyle name="標準 3 4 2 8 5 3" xfId="8320"/>
    <cellStyle name="標準 3 4 2 8 5_原油高騰等の影響業種" xfId="10559"/>
    <cellStyle name="標準 3 4 2 8 6" xfId="3154"/>
    <cellStyle name="標準 3 4 2 8 7" xfId="6106"/>
    <cellStyle name="標準 3 4 2 8_原油高騰等の影響業種" xfId="10552"/>
    <cellStyle name="標準 3 4 2 9" xfId="391"/>
    <cellStyle name="標準 3 4 2 9 2" xfId="1129"/>
    <cellStyle name="標準 3 4 2 9 2 2" xfId="4081"/>
    <cellStyle name="標準 3 4 2 9 2 3" xfId="7033"/>
    <cellStyle name="標準 3 4 2 9 2_原油高騰等の影響業種" xfId="10561"/>
    <cellStyle name="標準 3 4 2 9 3" xfId="1867"/>
    <cellStyle name="標準 3 4 2 9 3 2" xfId="4819"/>
    <cellStyle name="標準 3 4 2 9 3 3" xfId="7771"/>
    <cellStyle name="標準 3 4 2 9 3_原油高騰等の影響業種" xfId="10562"/>
    <cellStyle name="標準 3 4 2 9 4" xfId="2605"/>
    <cellStyle name="標準 3 4 2 9 4 2" xfId="5557"/>
    <cellStyle name="標準 3 4 2 9 4 3" xfId="8509"/>
    <cellStyle name="標準 3 4 2 9 4_原油高騰等の影響業種" xfId="10563"/>
    <cellStyle name="標準 3 4 2 9 5" xfId="3343"/>
    <cellStyle name="標準 3 4 2 9 6" xfId="6295"/>
    <cellStyle name="標準 3 4 2 9_原油高騰等の影響業種" xfId="10560"/>
    <cellStyle name="標準 3 4 2_原油高騰等の影響業種" xfId="10244"/>
    <cellStyle name="標準 3 4 3" xfId="26"/>
    <cellStyle name="標準 3 4 3 10" xfId="2244"/>
    <cellStyle name="標準 3 4 3 10 2" xfId="5196"/>
    <cellStyle name="標準 3 4 3 10 3" xfId="8148"/>
    <cellStyle name="標準 3 4 3 10_原油高騰等の影響業種" xfId="10565"/>
    <cellStyle name="標準 3 4 3 11" xfId="2982"/>
    <cellStyle name="標準 3 4 3 12" xfId="5934"/>
    <cellStyle name="標準 3 4 3 2" xfId="44"/>
    <cellStyle name="標準 3 4 3 2 10" xfId="3000"/>
    <cellStyle name="標準 3 4 3 2 11" xfId="5952"/>
    <cellStyle name="標準 3 4 3 2 2" xfId="89"/>
    <cellStyle name="標準 3 4 3 2 2 2" xfId="269"/>
    <cellStyle name="標準 3 4 3 2 2 2 2" xfId="642"/>
    <cellStyle name="標準 3 4 3 2 2 2 2 2" xfId="1380"/>
    <cellStyle name="標準 3 4 3 2 2 2 2 2 2" xfId="4332"/>
    <cellStyle name="標準 3 4 3 2 2 2 2 2 3" xfId="7284"/>
    <cellStyle name="標準 3 4 3 2 2 2 2 2_原油高騰等の影響業種" xfId="10570"/>
    <cellStyle name="標準 3 4 3 2 2 2 2 3" xfId="2118"/>
    <cellStyle name="標準 3 4 3 2 2 2 2 3 2" xfId="5070"/>
    <cellStyle name="標準 3 4 3 2 2 2 2 3 3" xfId="8022"/>
    <cellStyle name="標準 3 4 3 2 2 2 2 3_原油高騰等の影響業種" xfId="10571"/>
    <cellStyle name="標準 3 4 3 2 2 2 2 4" xfId="2856"/>
    <cellStyle name="標準 3 4 3 2 2 2 2 4 2" xfId="5808"/>
    <cellStyle name="標準 3 4 3 2 2 2 2 4 3" xfId="8760"/>
    <cellStyle name="標準 3 4 3 2 2 2 2 4_原油高騰等の影響業種" xfId="10572"/>
    <cellStyle name="標準 3 4 3 2 2 2 2 5" xfId="3594"/>
    <cellStyle name="標準 3 4 3 2 2 2 2 6" xfId="6546"/>
    <cellStyle name="標準 3 4 3 2 2 2 2_原油高騰等の影響業種" xfId="10569"/>
    <cellStyle name="標準 3 4 3 2 2 2 3" xfId="1011"/>
    <cellStyle name="標準 3 4 3 2 2 2 3 2" xfId="3963"/>
    <cellStyle name="標準 3 4 3 2 2 2 3 3" xfId="6915"/>
    <cellStyle name="標準 3 4 3 2 2 2 3_原油高騰等の影響業種" xfId="10573"/>
    <cellStyle name="標準 3 4 3 2 2 2 4" xfId="1749"/>
    <cellStyle name="標準 3 4 3 2 2 2 4 2" xfId="4701"/>
    <cellStyle name="標準 3 4 3 2 2 2 4 3" xfId="7653"/>
    <cellStyle name="標準 3 4 3 2 2 2 4_原油高騰等の影響業種" xfId="10574"/>
    <cellStyle name="標準 3 4 3 2 2 2 5" xfId="2487"/>
    <cellStyle name="標準 3 4 3 2 2 2 5 2" xfId="5439"/>
    <cellStyle name="標準 3 4 3 2 2 2 5 3" xfId="8391"/>
    <cellStyle name="標準 3 4 3 2 2 2 5_原油高騰等の影響業種" xfId="10575"/>
    <cellStyle name="標準 3 4 3 2 2 2 6" xfId="3225"/>
    <cellStyle name="標準 3 4 3 2 2 2 7" xfId="6177"/>
    <cellStyle name="標準 3 4 3 2 2 2_原油高騰等の影響業種" xfId="10568"/>
    <cellStyle name="標準 3 4 3 2 2 3" xfId="462"/>
    <cellStyle name="標準 3 4 3 2 2 3 2" xfId="1200"/>
    <cellStyle name="標準 3 4 3 2 2 3 2 2" xfId="4152"/>
    <cellStyle name="標準 3 4 3 2 2 3 2 3" xfId="7104"/>
    <cellStyle name="標準 3 4 3 2 2 3 2_原油高騰等の影響業種" xfId="10577"/>
    <cellStyle name="標準 3 4 3 2 2 3 3" xfId="1938"/>
    <cellStyle name="標準 3 4 3 2 2 3 3 2" xfId="4890"/>
    <cellStyle name="標準 3 4 3 2 2 3 3 3" xfId="7842"/>
    <cellStyle name="標準 3 4 3 2 2 3 3_原油高騰等の影響業種" xfId="10578"/>
    <cellStyle name="標準 3 4 3 2 2 3 4" xfId="2676"/>
    <cellStyle name="標準 3 4 3 2 2 3 4 2" xfId="5628"/>
    <cellStyle name="標準 3 4 3 2 2 3 4 3" xfId="8580"/>
    <cellStyle name="標準 3 4 3 2 2 3 4_原油高騰等の影響業種" xfId="10579"/>
    <cellStyle name="標準 3 4 3 2 2 3 5" xfId="3414"/>
    <cellStyle name="標準 3 4 3 2 2 3 6" xfId="6366"/>
    <cellStyle name="標準 3 4 3 2 2 3_原油高騰等の影響業種" xfId="10576"/>
    <cellStyle name="標準 3 4 3 2 2 4" xfId="831"/>
    <cellStyle name="標準 3 4 3 2 2 4 2" xfId="3783"/>
    <cellStyle name="標準 3 4 3 2 2 4 3" xfId="6735"/>
    <cellStyle name="標準 3 4 3 2 2 4_原油高騰等の影響業種" xfId="10580"/>
    <cellStyle name="標準 3 4 3 2 2 5" xfId="1569"/>
    <cellStyle name="標準 3 4 3 2 2 5 2" xfId="4521"/>
    <cellStyle name="標準 3 4 3 2 2 5 3" xfId="7473"/>
    <cellStyle name="標準 3 4 3 2 2 5_原油高騰等の影響業種" xfId="10581"/>
    <cellStyle name="標準 3 4 3 2 2 6" xfId="2307"/>
    <cellStyle name="標準 3 4 3 2 2 6 2" xfId="5259"/>
    <cellStyle name="標準 3 4 3 2 2 6 3" xfId="8211"/>
    <cellStyle name="標準 3 4 3 2 2 6_原油高騰等の影響業種" xfId="10582"/>
    <cellStyle name="標準 3 4 3 2 2 7" xfId="3045"/>
    <cellStyle name="標準 3 4 3 2 2 8" xfId="5997"/>
    <cellStyle name="標準 3 4 3 2 2_原油高騰等の影響業種" xfId="10567"/>
    <cellStyle name="標準 3 4 3 2 3" xfId="134"/>
    <cellStyle name="標準 3 4 3 2 3 2" xfId="314"/>
    <cellStyle name="標準 3 4 3 2 3 2 2" xfId="687"/>
    <cellStyle name="標準 3 4 3 2 3 2 2 2" xfId="1425"/>
    <cellStyle name="標準 3 4 3 2 3 2 2 2 2" xfId="4377"/>
    <cellStyle name="標準 3 4 3 2 3 2 2 2 3" xfId="7329"/>
    <cellStyle name="標準 3 4 3 2 3 2 2 2_原油高騰等の影響業種" xfId="10586"/>
    <cellStyle name="標準 3 4 3 2 3 2 2 3" xfId="2163"/>
    <cellStyle name="標準 3 4 3 2 3 2 2 3 2" xfId="5115"/>
    <cellStyle name="標準 3 4 3 2 3 2 2 3 3" xfId="8067"/>
    <cellStyle name="標準 3 4 3 2 3 2 2 3_原油高騰等の影響業種" xfId="10587"/>
    <cellStyle name="標準 3 4 3 2 3 2 2 4" xfId="2901"/>
    <cellStyle name="標準 3 4 3 2 3 2 2 4 2" xfId="5853"/>
    <cellStyle name="標準 3 4 3 2 3 2 2 4 3" xfId="8805"/>
    <cellStyle name="標準 3 4 3 2 3 2 2 4_原油高騰等の影響業種" xfId="10588"/>
    <cellStyle name="標準 3 4 3 2 3 2 2 5" xfId="3639"/>
    <cellStyle name="標準 3 4 3 2 3 2 2 6" xfId="6591"/>
    <cellStyle name="標準 3 4 3 2 3 2 2_原油高騰等の影響業種" xfId="10585"/>
    <cellStyle name="標準 3 4 3 2 3 2 3" xfId="1056"/>
    <cellStyle name="標準 3 4 3 2 3 2 3 2" xfId="4008"/>
    <cellStyle name="標準 3 4 3 2 3 2 3 3" xfId="6960"/>
    <cellStyle name="標準 3 4 3 2 3 2 3_原油高騰等の影響業種" xfId="10589"/>
    <cellStyle name="標準 3 4 3 2 3 2 4" xfId="1794"/>
    <cellStyle name="標準 3 4 3 2 3 2 4 2" xfId="4746"/>
    <cellStyle name="標準 3 4 3 2 3 2 4 3" xfId="7698"/>
    <cellStyle name="標準 3 4 3 2 3 2 4_原油高騰等の影響業種" xfId="10590"/>
    <cellStyle name="標準 3 4 3 2 3 2 5" xfId="2532"/>
    <cellStyle name="標準 3 4 3 2 3 2 5 2" xfId="5484"/>
    <cellStyle name="標準 3 4 3 2 3 2 5 3" xfId="8436"/>
    <cellStyle name="標準 3 4 3 2 3 2 5_原油高騰等の影響業種" xfId="10591"/>
    <cellStyle name="標準 3 4 3 2 3 2 6" xfId="3270"/>
    <cellStyle name="標準 3 4 3 2 3 2 7" xfId="6222"/>
    <cellStyle name="標準 3 4 3 2 3 2_原油高騰等の影響業種" xfId="10584"/>
    <cellStyle name="標準 3 4 3 2 3 3" xfId="507"/>
    <cellStyle name="標準 3 4 3 2 3 3 2" xfId="1245"/>
    <cellStyle name="標準 3 4 3 2 3 3 2 2" xfId="4197"/>
    <cellStyle name="標準 3 4 3 2 3 3 2 3" xfId="7149"/>
    <cellStyle name="標準 3 4 3 2 3 3 2_原油高騰等の影響業種" xfId="10593"/>
    <cellStyle name="標準 3 4 3 2 3 3 3" xfId="1983"/>
    <cellStyle name="標準 3 4 3 2 3 3 3 2" xfId="4935"/>
    <cellStyle name="標準 3 4 3 2 3 3 3 3" xfId="7887"/>
    <cellStyle name="標準 3 4 3 2 3 3 3_原油高騰等の影響業種" xfId="10594"/>
    <cellStyle name="標準 3 4 3 2 3 3 4" xfId="2721"/>
    <cellStyle name="標準 3 4 3 2 3 3 4 2" xfId="5673"/>
    <cellStyle name="標準 3 4 3 2 3 3 4 3" xfId="8625"/>
    <cellStyle name="標準 3 4 3 2 3 3 4_原油高騰等の影響業種" xfId="10595"/>
    <cellStyle name="標準 3 4 3 2 3 3 5" xfId="3459"/>
    <cellStyle name="標準 3 4 3 2 3 3 6" xfId="6411"/>
    <cellStyle name="標準 3 4 3 2 3 3_原油高騰等の影響業種" xfId="10592"/>
    <cellStyle name="標準 3 4 3 2 3 4" xfId="876"/>
    <cellStyle name="標準 3 4 3 2 3 4 2" xfId="3828"/>
    <cellStyle name="標準 3 4 3 2 3 4 3" xfId="6780"/>
    <cellStyle name="標準 3 4 3 2 3 4_原油高騰等の影響業種" xfId="10596"/>
    <cellStyle name="標準 3 4 3 2 3 5" xfId="1614"/>
    <cellStyle name="標準 3 4 3 2 3 5 2" xfId="4566"/>
    <cellStyle name="標準 3 4 3 2 3 5 3" xfId="7518"/>
    <cellStyle name="標準 3 4 3 2 3 5_原油高騰等の影響業種" xfId="10597"/>
    <cellStyle name="標準 3 4 3 2 3 6" xfId="2352"/>
    <cellStyle name="標準 3 4 3 2 3 6 2" xfId="5304"/>
    <cellStyle name="標準 3 4 3 2 3 6 3" xfId="8256"/>
    <cellStyle name="標準 3 4 3 2 3 6_原油高騰等の影響業種" xfId="10598"/>
    <cellStyle name="標準 3 4 3 2 3 7" xfId="3090"/>
    <cellStyle name="標準 3 4 3 2 3 8" xfId="6042"/>
    <cellStyle name="標準 3 4 3 2 3_原油高騰等の影響業種" xfId="10583"/>
    <cellStyle name="標準 3 4 3 2 4" xfId="179"/>
    <cellStyle name="標準 3 4 3 2 4 2" xfId="359"/>
    <cellStyle name="標準 3 4 3 2 4 2 2" xfId="732"/>
    <cellStyle name="標準 3 4 3 2 4 2 2 2" xfId="1470"/>
    <cellStyle name="標準 3 4 3 2 4 2 2 2 2" xfId="4422"/>
    <cellStyle name="標準 3 4 3 2 4 2 2 2 3" xfId="7374"/>
    <cellStyle name="標準 3 4 3 2 4 2 2 2_原油高騰等の影響業種" xfId="10602"/>
    <cellStyle name="標準 3 4 3 2 4 2 2 3" xfId="2208"/>
    <cellStyle name="標準 3 4 3 2 4 2 2 3 2" xfId="5160"/>
    <cellStyle name="標準 3 4 3 2 4 2 2 3 3" xfId="8112"/>
    <cellStyle name="標準 3 4 3 2 4 2 2 3_原油高騰等の影響業種" xfId="10603"/>
    <cellStyle name="標準 3 4 3 2 4 2 2 4" xfId="2946"/>
    <cellStyle name="標準 3 4 3 2 4 2 2 4 2" xfId="5898"/>
    <cellStyle name="標準 3 4 3 2 4 2 2 4 3" xfId="8850"/>
    <cellStyle name="標準 3 4 3 2 4 2 2 4_原油高騰等の影響業種" xfId="10604"/>
    <cellStyle name="標準 3 4 3 2 4 2 2 5" xfId="3684"/>
    <cellStyle name="標準 3 4 3 2 4 2 2 6" xfId="6636"/>
    <cellStyle name="標準 3 4 3 2 4 2 2_原油高騰等の影響業種" xfId="10601"/>
    <cellStyle name="標準 3 4 3 2 4 2 3" xfId="1101"/>
    <cellStyle name="標準 3 4 3 2 4 2 3 2" xfId="4053"/>
    <cellStyle name="標準 3 4 3 2 4 2 3 3" xfId="7005"/>
    <cellStyle name="標準 3 4 3 2 4 2 3_原油高騰等の影響業種" xfId="10605"/>
    <cellStyle name="標準 3 4 3 2 4 2 4" xfId="1839"/>
    <cellStyle name="標準 3 4 3 2 4 2 4 2" xfId="4791"/>
    <cellStyle name="標準 3 4 3 2 4 2 4 3" xfId="7743"/>
    <cellStyle name="標準 3 4 3 2 4 2 4_原油高騰等の影響業種" xfId="10606"/>
    <cellStyle name="標準 3 4 3 2 4 2 5" xfId="2577"/>
    <cellStyle name="標準 3 4 3 2 4 2 5 2" xfId="5529"/>
    <cellStyle name="標準 3 4 3 2 4 2 5 3" xfId="8481"/>
    <cellStyle name="標準 3 4 3 2 4 2 5_原油高騰等の影響業種" xfId="10607"/>
    <cellStyle name="標準 3 4 3 2 4 2 6" xfId="3315"/>
    <cellStyle name="標準 3 4 3 2 4 2 7" xfId="6267"/>
    <cellStyle name="標準 3 4 3 2 4 2_原油高騰等の影響業種" xfId="10600"/>
    <cellStyle name="標準 3 4 3 2 4 3" xfId="552"/>
    <cellStyle name="標準 3 4 3 2 4 3 2" xfId="1290"/>
    <cellStyle name="標準 3 4 3 2 4 3 2 2" xfId="4242"/>
    <cellStyle name="標準 3 4 3 2 4 3 2 3" xfId="7194"/>
    <cellStyle name="標準 3 4 3 2 4 3 2_原油高騰等の影響業種" xfId="10609"/>
    <cellStyle name="標準 3 4 3 2 4 3 3" xfId="2028"/>
    <cellStyle name="標準 3 4 3 2 4 3 3 2" xfId="4980"/>
    <cellStyle name="標準 3 4 3 2 4 3 3 3" xfId="7932"/>
    <cellStyle name="標準 3 4 3 2 4 3 3_原油高騰等の影響業種" xfId="10610"/>
    <cellStyle name="標準 3 4 3 2 4 3 4" xfId="2766"/>
    <cellStyle name="標準 3 4 3 2 4 3 4 2" xfId="5718"/>
    <cellStyle name="標準 3 4 3 2 4 3 4 3" xfId="8670"/>
    <cellStyle name="標準 3 4 3 2 4 3 4_原油高騰等の影響業種" xfId="10611"/>
    <cellStyle name="標準 3 4 3 2 4 3 5" xfId="3504"/>
    <cellStyle name="標準 3 4 3 2 4 3 6" xfId="6456"/>
    <cellStyle name="標準 3 4 3 2 4 3_原油高騰等の影響業種" xfId="10608"/>
    <cellStyle name="標準 3 4 3 2 4 4" xfId="921"/>
    <cellStyle name="標準 3 4 3 2 4 4 2" xfId="3873"/>
    <cellStyle name="標準 3 4 3 2 4 4 3" xfId="6825"/>
    <cellStyle name="標準 3 4 3 2 4 4_原油高騰等の影響業種" xfId="10612"/>
    <cellStyle name="標準 3 4 3 2 4 5" xfId="1659"/>
    <cellStyle name="標準 3 4 3 2 4 5 2" xfId="4611"/>
    <cellStyle name="標準 3 4 3 2 4 5 3" xfId="7563"/>
    <cellStyle name="標準 3 4 3 2 4 5_原油高騰等の影響業種" xfId="10613"/>
    <cellStyle name="標準 3 4 3 2 4 6" xfId="2397"/>
    <cellStyle name="標準 3 4 3 2 4 6 2" xfId="5349"/>
    <cellStyle name="標準 3 4 3 2 4 6 3" xfId="8301"/>
    <cellStyle name="標準 3 4 3 2 4 6_原油高騰等の影響業種" xfId="10614"/>
    <cellStyle name="標準 3 4 3 2 4 7" xfId="3135"/>
    <cellStyle name="標準 3 4 3 2 4 8" xfId="6087"/>
    <cellStyle name="標準 3 4 3 2 4_原油高騰等の影響業種" xfId="10599"/>
    <cellStyle name="標準 3 4 3 2 5" xfId="224"/>
    <cellStyle name="標準 3 4 3 2 5 2" xfId="597"/>
    <cellStyle name="標準 3 4 3 2 5 2 2" xfId="1335"/>
    <cellStyle name="標準 3 4 3 2 5 2 2 2" xfId="4287"/>
    <cellStyle name="標準 3 4 3 2 5 2 2 3" xfId="7239"/>
    <cellStyle name="標準 3 4 3 2 5 2 2_原油高騰等の影響業種" xfId="10617"/>
    <cellStyle name="標準 3 4 3 2 5 2 3" xfId="2073"/>
    <cellStyle name="標準 3 4 3 2 5 2 3 2" xfId="5025"/>
    <cellStyle name="標準 3 4 3 2 5 2 3 3" xfId="7977"/>
    <cellStyle name="標準 3 4 3 2 5 2 3_原油高騰等の影響業種" xfId="10618"/>
    <cellStyle name="標準 3 4 3 2 5 2 4" xfId="2811"/>
    <cellStyle name="標準 3 4 3 2 5 2 4 2" xfId="5763"/>
    <cellStyle name="標準 3 4 3 2 5 2 4 3" xfId="8715"/>
    <cellStyle name="標準 3 4 3 2 5 2 4_原油高騰等の影響業種" xfId="10619"/>
    <cellStyle name="標準 3 4 3 2 5 2 5" xfId="3549"/>
    <cellStyle name="標準 3 4 3 2 5 2 6" xfId="6501"/>
    <cellStyle name="標準 3 4 3 2 5 2_原油高騰等の影響業種" xfId="10616"/>
    <cellStyle name="標準 3 4 3 2 5 3" xfId="966"/>
    <cellStyle name="標準 3 4 3 2 5 3 2" xfId="3918"/>
    <cellStyle name="標準 3 4 3 2 5 3 3" xfId="6870"/>
    <cellStyle name="標準 3 4 3 2 5 3_原油高騰等の影響業種" xfId="10620"/>
    <cellStyle name="標準 3 4 3 2 5 4" xfId="1704"/>
    <cellStyle name="標準 3 4 3 2 5 4 2" xfId="4656"/>
    <cellStyle name="標準 3 4 3 2 5 4 3" xfId="7608"/>
    <cellStyle name="標準 3 4 3 2 5 4_原油高騰等の影響業種" xfId="10621"/>
    <cellStyle name="標準 3 4 3 2 5 5" xfId="2442"/>
    <cellStyle name="標準 3 4 3 2 5 5 2" xfId="5394"/>
    <cellStyle name="標準 3 4 3 2 5 5 3" xfId="8346"/>
    <cellStyle name="標準 3 4 3 2 5 5_原油高騰等の影響業種" xfId="10622"/>
    <cellStyle name="標準 3 4 3 2 5 6" xfId="3180"/>
    <cellStyle name="標準 3 4 3 2 5 7" xfId="6132"/>
    <cellStyle name="標準 3 4 3 2 5_原油高騰等の影響業種" xfId="10615"/>
    <cellStyle name="標準 3 4 3 2 6" xfId="417"/>
    <cellStyle name="標準 3 4 3 2 6 2" xfId="1155"/>
    <cellStyle name="標準 3 4 3 2 6 2 2" xfId="4107"/>
    <cellStyle name="標準 3 4 3 2 6 2 3" xfId="7059"/>
    <cellStyle name="標準 3 4 3 2 6 2_原油高騰等の影響業種" xfId="10624"/>
    <cellStyle name="標準 3 4 3 2 6 3" xfId="1893"/>
    <cellStyle name="標準 3 4 3 2 6 3 2" xfId="4845"/>
    <cellStyle name="標準 3 4 3 2 6 3 3" xfId="7797"/>
    <cellStyle name="標準 3 4 3 2 6 3_原油高騰等の影響業種" xfId="10625"/>
    <cellStyle name="標準 3 4 3 2 6 4" xfId="2631"/>
    <cellStyle name="標準 3 4 3 2 6 4 2" xfId="5583"/>
    <cellStyle name="標準 3 4 3 2 6 4 3" xfId="8535"/>
    <cellStyle name="標準 3 4 3 2 6 4_原油高騰等の影響業種" xfId="10626"/>
    <cellStyle name="標準 3 4 3 2 6 5" xfId="3369"/>
    <cellStyle name="標準 3 4 3 2 6 6" xfId="6321"/>
    <cellStyle name="標準 3 4 3 2 6_原油高騰等の影響業種" xfId="10623"/>
    <cellStyle name="標準 3 4 3 2 7" xfId="786"/>
    <cellStyle name="標準 3 4 3 2 7 2" xfId="3738"/>
    <cellStyle name="標準 3 4 3 2 7 3" xfId="6690"/>
    <cellStyle name="標準 3 4 3 2 7_原油高騰等の影響業種" xfId="10627"/>
    <cellStyle name="標準 3 4 3 2 8" xfId="1524"/>
    <cellStyle name="標準 3 4 3 2 8 2" xfId="4476"/>
    <cellStyle name="標準 3 4 3 2 8 3" xfId="7428"/>
    <cellStyle name="標準 3 4 3 2 8_原油高騰等の影響業種" xfId="10628"/>
    <cellStyle name="標準 3 4 3 2 9" xfId="2262"/>
    <cellStyle name="標準 3 4 3 2 9 2" xfId="5214"/>
    <cellStyle name="標準 3 4 3 2 9 3" xfId="8166"/>
    <cellStyle name="標準 3 4 3 2 9_原油高騰等の影響業種" xfId="10629"/>
    <cellStyle name="標準 3 4 3 2_原油高騰等の影響業種" xfId="10566"/>
    <cellStyle name="標準 3 4 3 3" xfId="71"/>
    <cellStyle name="標準 3 4 3 3 2" xfId="251"/>
    <cellStyle name="標準 3 4 3 3 2 2" xfId="624"/>
    <cellStyle name="標準 3 4 3 3 2 2 2" xfId="1362"/>
    <cellStyle name="標準 3 4 3 3 2 2 2 2" xfId="4314"/>
    <cellStyle name="標準 3 4 3 3 2 2 2 3" xfId="7266"/>
    <cellStyle name="標準 3 4 3 3 2 2 2_原油高騰等の影響業種" xfId="10633"/>
    <cellStyle name="標準 3 4 3 3 2 2 3" xfId="2100"/>
    <cellStyle name="標準 3 4 3 3 2 2 3 2" xfId="5052"/>
    <cellStyle name="標準 3 4 3 3 2 2 3 3" xfId="8004"/>
    <cellStyle name="標準 3 4 3 3 2 2 3_原油高騰等の影響業種" xfId="10634"/>
    <cellStyle name="標準 3 4 3 3 2 2 4" xfId="2838"/>
    <cellStyle name="標準 3 4 3 3 2 2 4 2" xfId="5790"/>
    <cellStyle name="標準 3 4 3 3 2 2 4 3" xfId="8742"/>
    <cellStyle name="標準 3 4 3 3 2 2 4_原油高騰等の影響業種" xfId="10635"/>
    <cellStyle name="標準 3 4 3 3 2 2 5" xfId="3576"/>
    <cellStyle name="標準 3 4 3 3 2 2 6" xfId="6528"/>
    <cellStyle name="標準 3 4 3 3 2 2_原油高騰等の影響業種" xfId="10632"/>
    <cellStyle name="標準 3 4 3 3 2 3" xfId="993"/>
    <cellStyle name="標準 3 4 3 3 2 3 2" xfId="3945"/>
    <cellStyle name="標準 3 4 3 3 2 3 3" xfId="6897"/>
    <cellStyle name="標準 3 4 3 3 2 3_原油高騰等の影響業種" xfId="10636"/>
    <cellStyle name="標準 3 4 3 3 2 4" xfId="1731"/>
    <cellStyle name="標準 3 4 3 3 2 4 2" xfId="4683"/>
    <cellStyle name="標準 3 4 3 3 2 4 3" xfId="7635"/>
    <cellStyle name="標準 3 4 3 3 2 4_原油高騰等の影響業種" xfId="10637"/>
    <cellStyle name="標準 3 4 3 3 2 5" xfId="2469"/>
    <cellStyle name="標準 3 4 3 3 2 5 2" xfId="5421"/>
    <cellStyle name="標準 3 4 3 3 2 5 3" xfId="8373"/>
    <cellStyle name="標準 3 4 3 3 2 5_原油高騰等の影響業種" xfId="10638"/>
    <cellStyle name="標準 3 4 3 3 2 6" xfId="3207"/>
    <cellStyle name="標準 3 4 3 3 2 7" xfId="6159"/>
    <cellStyle name="標準 3 4 3 3 2_原油高騰等の影響業種" xfId="10631"/>
    <cellStyle name="標準 3 4 3 3 3" xfId="444"/>
    <cellStyle name="標準 3 4 3 3 3 2" xfId="1182"/>
    <cellStyle name="標準 3 4 3 3 3 2 2" xfId="4134"/>
    <cellStyle name="標準 3 4 3 3 3 2 3" xfId="7086"/>
    <cellStyle name="標準 3 4 3 3 3 2_原油高騰等の影響業種" xfId="10640"/>
    <cellStyle name="標準 3 4 3 3 3 3" xfId="1920"/>
    <cellStyle name="標準 3 4 3 3 3 3 2" xfId="4872"/>
    <cellStyle name="標準 3 4 3 3 3 3 3" xfId="7824"/>
    <cellStyle name="標準 3 4 3 3 3 3_原油高騰等の影響業種" xfId="10641"/>
    <cellStyle name="標準 3 4 3 3 3 4" xfId="2658"/>
    <cellStyle name="標準 3 4 3 3 3 4 2" xfId="5610"/>
    <cellStyle name="標準 3 4 3 3 3 4 3" xfId="8562"/>
    <cellStyle name="標準 3 4 3 3 3 4_原油高騰等の影響業種" xfId="10642"/>
    <cellStyle name="標準 3 4 3 3 3 5" xfId="3396"/>
    <cellStyle name="標準 3 4 3 3 3 6" xfId="6348"/>
    <cellStyle name="標準 3 4 3 3 3_原油高騰等の影響業種" xfId="10639"/>
    <cellStyle name="標準 3 4 3 3 4" xfId="813"/>
    <cellStyle name="標準 3 4 3 3 4 2" xfId="3765"/>
    <cellStyle name="標準 3 4 3 3 4 3" xfId="6717"/>
    <cellStyle name="標準 3 4 3 3 4_原油高騰等の影響業種" xfId="10643"/>
    <cellStyle name="標準 3 4 3 3 5" xfId="1551"/>
    <cellStyle name="標準 3 4 3 3 5 2" xfId="4503"/>
    <cellStyle name="標準 3 4 3 3 5 3" xfId="7455"/>
    <cellStyle name="標準 3 4 3 3 5_原油高騰等の影響業種" xfId="10644"/>
    <cellStyle name="標準 3 4 3 3 6" xfId="2289"/>
    <cellStyle name="標準 3 4 3 3 6 2" xfId="5241"/>
    <cellStyle name="標準 3 4 3 3 6 3" xfId="8193"/>
    <cellStyle name="標準 3 4 3 3 6_原油高騰等の影響業種" xfId="10645"/>
    <cellStyle name="標準 3 4 3 3 7" xfId="3027"/>
    <cellStyle name="標準 3 4 3 3 8" xfId="5979"/>
    <cellStyle name="標準 3 4 3 3_原油高騰等の影響業種" xfId="10630"/>
    <cellStyle name="標準 3 4 3 4" xfId="116"/>
    <cellStyle name="標準 3 4 3 4 2" xfId="296"/>
    <cellStyle name="標準 3 4 3 4 2 2" xfId="669"/>
    <cellStyle name="標準 3 4 3 4 2 2 2" xfId="1407"/>
    <cellStyle name="標準 3 4 3 4 2 2 2 2" xfId="4359"/>
    <cellStyle name="標準 3 4 3 4 2 2 2 3" xfId="7311"/>
    <cellStyle name="標準 3 4 3 4 2 2 2_原油高騰等の影響業種" xfId="10649"/>
    <cellStyle name="標準 3 4 3 4 2 2 3" xfId="2145"/>
    <cellStyle name="標準 3 4 3 4 2 2 3 2" xfId="5097"/>
    <cellStyle name="標準 3 4 3 4 2 2 3 3" xfId="8049"/>
    <cellStyle name="標準 3 4 3 4 2 2 3_原油高騰等の影響業種" xfId="10650"/>
    <cellStyle name="標準 3 4 3 4 2 2 4" xfId="2883"/>
    <cellStyle name="標準 3 4 3 4 2 2 4 2" xfId="5835"/>
    <cellStyle name="標準 3 4 3 4 2 2 4 3" xfId="8787"/>
    <cellStyle name="標準 3 4 3 4 2 2 4_原油高騰等の影響業種" xfId="10651"/>
    <cellStyle name="標準 3 4 3 4 2 2 5" xfId="3621"/>
    <cellStyle name="標準 3 4 3 4 2 2 6" xfId="6573"/>
    <cellStyle name="標準 3 4 3 4 2 2_原油高騰等の影響業種" xfId="10648"/>
    <cellStyle name="標準 3 4 3 4 2 3" xfId="1038"/>
    <cellStyle name="標準 3 4 3 4 2 3 2" xfId="3990"/>
    <cellStyle name="標準 3 4 3 4 2 3 3" xfId="6942"/>
    <cellStyle name="標準 3 4 3 4 2 3_原油高騰等の影響業種" xfId="10652"/>
    <cellStyle name="標準 3 4 3 4 2 4" xfId="1776"/>
    <cellStyle name="標準 3 4 3 4 2 4 2" xfId="4728"/>
    <cellStyle name="標準 3 4 3 4 2 4 3" xfId="7680"/>
    <cellStyle name="標準 3 4 3 4 2 4_原油高騰等の影響業種" xfId="10653"/>
    <cellStyle name="標準 3 4 3 4 2 5" xfId="2514"/>
    <cellStyle name="標準 3 4 3 4 2 5 2" xfId="5466"/>
    <cellStyle name="標準 3 4 3 4 2 5 3" xfId="8418"/>
    <cellStyle name="標準 3 4 3 4 2 5_原油高騰等の影響業種" xfId="10654"/>
    <cellStyle name="標準 3 4 3 4 2 6" xfId="3252"/>
    <cellStyle name="標準 3 4 3 4 2 7" xfId="6204"/>
    <cellStyle name="標準 3 4 3 4 2_原油高騰等の影響業種" xfId="10647"/>
    <cellStyle name="標準 3 4 3 4 3" xfId="489"/>
    <cellStyle name="標準 3 4 3 4 3 2" xfId="1227"/>
    <cellStyle name="標準 3 4 3 4 3 2 2" xfId="4179"/>
    <cellStyle name="標準 3 4 3 4 3 2 3" xfId="7131"/>
    <cellStyle name="標準 3 4 3 4 3 2_原油高騰等の影響業種" xfId="10656"/>
    <cellStyle name="標準 3 4 3 4 3 3" xfId="1965"/>
    <cellStyle name="標準 3 4 3 4 3 3 2" xfId="4917"/>
    <cellStyle name="標準 3 4 3 4 3 3 3" xfId="7869"/>
    <cellStyle name="標準 3 4 3 4 3 3_原油高騰等の影響業種" xfId="10657"/>
    <cellStyle name="標準 3 4 3 4 3 4" xfId="2703"/>
    <cellStyle name="標準 3 4 3 4 3 4 2" xfId="5655"/>
    <cellStyle name="標準 3 4 3 4 3 4 3" xfId="8607"/>
    <cellStyle name="標準 3 4 3 4 3 4_原油高騰等の影響業種" xfId="10658"/>
    <cellStyle name="標準 3 4 3 4 3 5" xfId="3441"/>
    <cellStyle name="標準 3 4 3 4 3 6" xfId="6393"/>
    <cellStyle name="標準 3 4 3 4 3_原油高騰等の影響業種" xfId="10655"/>
    <cellStyle name="標準 3 4 3 4 4" xfId="858"/>
    <cellStyle name="標準 3 4 3 4 4 2" xfId="3810"/>
    <cellStyle name="標準 3 4 3 4 4 3" xfId="6762"/>
    <cellStyle name="標準 3 4 3 4 4_原油高騰等の影響業種" xfId="10659"/>
    <cellStyle name="標準 3 4 3 4 5" xfId="1596"/>
    <cellStyle name="標準 3 4 3 4 5 2" xfId="4548"/>
    <cellStyle name="標準 3 4 3 4 5 3" xfId="7500"/>
    <cellStyle name="標準 3 4 3 4 5_原油高騰等の影響業種" xfId="10660"/>
    <cellStyle name="標準 3 4 3 4 6" xfId="2334"/>
    <cellStyle name="標準 3 4 3 4 6 2" xfId="5286"/>
    <cellStyle name="標準 3 4 3 4 6 3" xfId="8238"/>
    <cellStyle name="標準 3 4 3 4 6_原油高騰等の影響業種" xfId="10661"/>
    <cellStyle name="標準 3 4 3 4 7" xfId="3072"/>
    <cellStyle name="標準 3 4 3 4 8" xfId="6024"/>
    <cellStyle name="標準 3 4 3 4_原油高騰等の影響業種" xfId="10646"/>
    <cellStyle name="標準 3 4 3 5" xfId="161"/>
    <cellStyle name="標準 3 4 3 5 2" xfId="341"/>
    <cellStyle name="標準 3 4 3 5 2 2" xfId="714"/>
    <cellStyle name="標準 3 4 3 5 2 2 2" xfId="1452"/>
    <cellStyle name="標準 3 4 3 5 2 2 2 2" xfId="4404"/>
    <cellStyle name="標準 3 4 3 5 2 2 2 3" xfId="7356"/>
    <cellStyle name="標準 3 4 3 5 2 2 2_原油高騰等の影響業種" xfId="10665"/>
    <cellStyle name="標準 3 4 3 5 2 2 3" xfId="2190"/>
    <cellStyle name="標準 3 4 3 5 2 2 3 2" xfId="5142"/>
    <cellStyle name="標準 3 4 3 5 2 2 3 3" xfId="8094"/>
    <cellStyle name="標準 3 4 3 5 2 2 3_原油高騰等の影響業種" xfId="10666"/>
    <cellStyle name="標準 3 4 3 5 2 2 4" xfId="2928"/>
    <cellStyle name="標準 3 4 3 5 2 2 4 2" xfId="5880"/>
    <cellStyle name="標準 3 4 3 5 2 2 4 3" xfId="8832"/>
    <cellStyle name="標準 3 4 3 5 2 2 4_原油高騰等の影響業種" xfId="10667"/>
    <cellStyle name="標準 3 4 3 5 2 2 5" xfId="3666"/>
    <cellStyle name="標準 3 4 3 5 2 2 6" xfId="6618"/>
    <cellStyle name="標準 3 4 3 5 2 2_原油高騰等の影響業種" xfId="10664"/>
    <cellStyle name="標準 3 4 3 5 2 3" xfId="1083"/>
    <cellStyle name="標準 3 4 3 5 2 3 2" xfId="4035"/>
    <cellStyle name="標準 3 4 3 5 2 3 3" xfId="6987"/>
    <cellStyle name="標準 3 4 3 5 2 3_原油高騰等の影響業種" xfId="10668"/>
    <cellStyle name="標準 3 4 3 5 2 4" xfId="1821"/>
    <cellStyle name="標準 3 4 3 5 2 4 2" xfId="4773"/>
    <cellStyle name="標準 3 4 3 5 2 4 3" xfId="7725"/>
    <cellStyle name="標準 3 4 3 5 2 4_原油高騰等の影響業種" xfId="10669"/>
    <cellStyle name="標準 3 4 3 5 2 5" xfId="2559"/>
    <cellStyle name="標準 3 4 3 5 2 5 2" xfId="5511"/>
    <cellStyle name="標準 3 4 3 5 2 5 3" xfId="8463"/>
    <cellStyle name="標準 3 4 3 5 2 5_原油高騰等の影響業種" xfId="10670"/>
    <cellStyle name="標準 3 4 3 5 2 6" xfId="3297"/>
    <cellStyle name="標準 3 4 3 5 2 7" xfId="6249"/>
    <cellStyle name="標準 3 4 3 5 2_原油高騰等の影響業種" xfId="10663"/>
    <cellStyle name="標準 3 4 3 5 3" xfId="534"/>
    <cellStyle name="標準 3 4 3 5 3 2" xfId="1272"/>
    <cellStyle name="標準 3 4 3 5 3 2 2" xfId="4224"/>
    <cellStyle name="標準 3 4 3 5 3 2 3" xfId="7176"/>
    <cellStyle name="標準 3 4 3 5 3 2_原油高騰等の影響業種" xfId="10672"/>
    <cellStyle name="標準 3 4 3 5 3 3" xfId="2010"/>
    <cellStyle name="標準 3 4 3 5 3 3 2" xfId="4962"/>
    <cellStyle name="標準 3 4 3 5 3 3 3" xfId="7914"/>
    <cellStyle name="標準 3 4 3 5 3 3_原油高騰等の影響業種" xfId="10673"/>
    <cellStyle name="標準 3 4 3 5 3 4" xfId="2748"/>
    <cellStyle name="標準 3 4 3 5 3 4 2" xfId="5700"/>
    <cellStyle name="標準 3 4 3 5 3 4 3" xfId="8652"/>
    <cellStyle name="標準 3 4 3 5 3 4_原油高騰等の影響業種" xfId="10674"/>
    <cellStyle name="標準 3 4 3 5 3 5" xfId="3486"/>
    <cellStyle name="標準 3 4 3 5 3 6" xfId="6438"/>
    <cellStyle name="標準 3 4 3 5 3_原油高騰等の影響業種" xfId="10671"/>
    <cellStyle name="標準 3 4 3 5 4" xfId="903"/>
    <cellStyle name="標準 3 4 3 5 4 2" xfId="3855"/>
    <cellStyle name="標準 3 4 3 5 4 3" xfId="6807"/>
    <cellStyle name="標準 3 4 3 5 4_原油高騰等の影響業種" xfId="10675"/>
    <cellStyle name="標準 3 4 3 5 5" xfId="1641"/>
    <cellStyle name="標準 3 4 3 5 5 2" xfId="4593"/>
    <cellStyle name="標準 3 4 3 5 5 3" xfId="7545"/>
    <cellStyle name="標準 3 4 3 5 5_原油高騰等の影響業種" xfId="10676"/>
    <cellStyle name="標準 3 4 3 5 6" xfId="2379"/>
    <cellStyle name="標準 3 4 3 5 6 2" xfId="5331"/>
    <cellStyle name="標準 3 4 3 5 6 3" xfId="8283"/>
    <cellStyle name="標準 3 4 3 5 6_原油高騰等の影響業種" xfId="10677"/>
    <cellStyle name="標準 3 4 3 5 7" xfId="3117"/>
    <cellStyle name="標準 3 4 3 5 8" xfId="6069"/>
    <cellStyle name="標準 3 4 3 5_原油高騰等の影響業種" xfId="10662"/>
    <cellStyle name="標準 3 4 3 6" xfId="206"/>
    <cellStyle name="標準 3 4 3 6 2" xfId="579"/>
    <cellStyle name="標準 3 4 3 6 2 2" xfId="1317"/>
    <cellStyle name="標準 3 4 3 6 2 2 2" xfId="4269"/>
    <cellStyle name="標準 3 4 3 6 2 2 3" xfId="7221"/>
    <cellStyle name="標準 3 4 3 6 2 2_原油高騰等の影響業種" xfId="10680"/>
    <cellStyle name="標準 3 4 3 6 2 3" xfId="2055"/>
    <cellStyle name="標準 3 4 3 6 2 3 2" xfId="5007"/>
    <cellStyle name="標準 3 4 3 6 2 3 3" xfId="7959"/>
    <cellStyle name="標準 3 4 3 6 2 3_原油高騰等の影響業種" xfId="10681"/>
    <cellStyle name="標準 3 4 3 6 2 4" xfId="2793"/>
    <cellStyle name="標準 3 4 3 6 2 4 2" xfId="5745"/>
    <cellStyle name="標準 3 4 3 6 2 4 3" xfId="8697"/>
    <cellStyle name="標準 3 4 3 6 2 4_原油高騰等の影響業種" xfId="10682"/>
    <cellStyle name="標準 3 4 3 6 2 5" xfId="3531"/>
    <cellStyle name="標準 3 4 3 6 2 6" xfId="6483"/>
    <cellStyle name="標準 3 4 3 6 2_原油高騰等の影響業種" xfId="10679"/>
    <cellStyle name="標準 3 4 3 6 3" xfId="948"/>
    <cellStyle name="標準 3 4 3 6 3 2" xfId="3900"/>
    <cellStyle name="標準 3 4 3 6 3 3" xfId="6852"/>
    <cellStyle name="標準 3 4 3 6 3_原油高騰等の影響業種" xfId="10683"/>
    <cellStyle name="標準 3 4 3 6 4" xfId="1686"/>
    <cellStyle name="標準 3 4 3 6 4 2" xfId="4638"/>
    <cellStyle name="標準 3 4 3 6 4 3" xfId="7590"/>
    <cellStyle name="標準 3 4 3 6 4_原油高騰等の影響業種" xfId="10684"/>
    <cellStyle name="標準 3 4 3 6 5" xfId="2424"/>
    <cellStyle name="標準 3 4 3 6 5 2" xfId="5376"/>
    <cellStyle name="標準 3 4 3 6 5 3" xfId="8328"/>
    <cellStyle name="標準 3 4 3 6 5_原油高騰等の影響業種" xfId="10685"/>
    <cellStyle name="標準 3 4 3 6 6" xfId="3162"/>
    <cellStyle name="標準 3 4 3 6 7" xfId="6114"/>
    <cellStyle name="標準 3 4 3 6_原油高騰等の影響業種" xfId="10678"/>
    <cellStyle name="標準 3 4 3 7" xfId="399"/>
    <cellStyle name="標準 3 4 3 7 2" xfId="1137"/>
    <cellStyle name="標準 3 4 3 7 2 2" xfId="4089"/>
    <cellStyle name="標準 3 4 3 7 2 3" xfId="7041"/>
    <cellStyle name="標準 3 4 3 7 2_原油高騰等の影響業種" xfId="10687"/>
    <cellStyle name="標準 3 4 3 7 3" xfId="1875"/>
    <cellStyle name="標準 3 4 3 7 3 2" xfId="4827"/>
    <cellStyle name="標準 3 4 3 7 3 3" xfId="7779"/>
    <cellStyle name="標準 3 4 3 7 3_原油高騰等の影響業種" xfId="10688"/>
    <cellStyle name="標準 3 4 3 7 4" xfId="2613"/>
    <cellStyle name="標準 3 4 3 7 4 2" xfId="5565"/>
    <cellStyle name="標準 3 4 3 7 4 3" xfId="8517"/>
    <cellStyle name="標準 3 4 3 7 4_原油高騰等の影響業種" xfId="10689"/>
    <cellStyle name="標準 3 4 3 7 5" xfId="3351"/>
    <cellStyle name="標準 3 4 3 7 6" xfId="6303"/>
    <cellStyle name="標準 3 4 3 7_原油高騰等の影響業種" xfId="10686"/>
    <cellStyle name="標準 3 4 3 8" xfId="768"/>
    <cellStyle name="標準 3 4 3 8 2" xfId="3720"/>
    <cellStyle name="標準 3 4 3 8 3" xfId="6672"/>
    <cellStyle name="標準 3 4 3 8_原油高騰等の影響業種" xfId="10690"/>
    <cellStyle name="標準 3 4 3 9" xfId="1506"/>
    <cellStyle name="標準 3 4 3 9 2" xfId="4458"/>
    <cellStyle name="標準 3 4 3 9 3" xfId="7410"/>
    <cellStyle name="標準 3 4 3 9_原油高騰等の影響業種" xfId="10691"/>
    <cellStyle name="標準 3 4 3_原油高騰等の影響業種" xfId="10564"/>
    <cellStyle name="標準 3 4 4" xfId="35"/>
    <cellStyle name="標準 3 4 4 10" xfId="2991"/>
    <cellStyle name="標準 3 4 4 11" xfId="5943"/>
    <cellStyle name="標準 3 4 4 2" xfId="80"/>
    <cellStyle name="標準 3 4 4 2 2" xfId="260"/>
    <cellStyle name="標準 3 4 4 2 2 2" xfId="633"/>
    <cellStyle name="標準 3 4 4 2 2 2 2" xfId="1371"/>
    <cellStyle name="標準 3 4 4 2 2 2 2 2" xfId="4323"/>
    <cellStyle name="標準 3 4 4 2 2 2 2 3" xfId="7275"/>
    <cellStyle name="標準 3 4 4 2 2 2 2_原油高騰等の影響業種" xfId="10696"/>
    <cellStyle name="標準 3 4 4 2 2 2 3" xfId="2109"/>
    <cellStyle name="標準 3 4 4 2 2 2 3 2" xfId="5061"/>
    <cellStyle name="標準 3 4 4 2 2 2 3 3" xfId="8013"/>
    <cellStyle name="標準 3 4 4 2 2 2 3_原油高騰等の影響業種" xfId="10697"/>
    <cellStyle name="標準 3 4 4 2 2 2 4" xfId="2847"/>
    <cellStyle name="標準 3 4 4 2 2 2 4 2" xfId="5799"/>
    <cellStyle name="標準 3 4 4 2 2 2 4 3" xfId="8751"/>
    <cellStyle name="標準 3 4 4 2 2 2 4_原油高騰等の影響業種" xfId="10698"/>
    <cellStyle name="標準 3 4 4 2 2 2 5" xfId="3585"/>
    <cellStyle name="標準 3 4 4 2 2 2 6" xfId="6537"/>
    <cellStyle name="標準 3 4 4 2 2 2_原油高騰等の影響業種" xfId="10695"/>
    <cellStyle name="標準 3 4 4 2 2 3" xfId="1002"/>
    <cellStyle name="標準 3 4 4 2 2 3 2" xfId="3954"/>
    <cellStyle name="標準 3 4 4 2 2 3 3" xfId="6906"/>
    <cellStyle name="標準 3 4 4 2 2 3_原油高騰等の影響業種" xfId="10699"/>
    <cellStyle name="標準 3 4 4 2 2 4" xfId="1740"/>
    <cellStyle name="標準 3 4 4 2 2 4 2" xfId="4692"/>
    <cellStyle name="標準 3 4 4 2 2 4 3" xfId="7644"/>
    <cellStyle name="標準 3 4 4 2 2 4_原油高騰等の影響業種" xfId="10700"/>
    <cellStyle name="標準 3 4 4 2 2 5" xfId="2478"/>
    <cellStyle name="標準 3 4 4 2 2 5 2" xfId="5430"/>
    <cellStyle name="標準 3 4 4 2 2 5 3" xfId="8382"/>
    <cellStyle name="標準 3 4 4 2 2 5_原油高騰等の影響業種" xfId="10701"/>
    <cellStyle name="標準 3 4 4 2 2 6" xfId="3216"/>
    <cellStyle name="標準 3 4 4 2 2 7" xfId="6168"/>
    <cellStyle name="標準 3 4 4 2 2_原油高騰等の影響業種" xfId="10694"/>
    <cellStyle name="標準 3 4 4 2 3" xfId="453"/>
    <cellStyle name="標準 3 4 4 2 3 2" xfId="1191"/>
    <cellStyle name="標準 3 4 4 2 3 2 2" xfId="4143"/>
    <cellStyle name="標準 3 4 4 2 3 2 3" xfId="7095"/>
    <cellStyle name="標準 3 4 4 2 3 2_原油高騰等の影響業種" xfId="10703"/>
    <cellStyle name="標準 3 4 4 2 3 3" xfId="1929"/>
    <cellStyle name="標準 3 4 4 2 3 3 2" xfId="4881"/>
    <cellStyle name="標準 3 4 4 2 3 3 3" xfId="7833"/>
    <cellStyle name="標準 3 4 4 2 3 3_原油高騰等の影響業種" xfId="10704"/>
    <cellStyle name="標準 3 4 4 2 3 4" xfId="2667"/>
    <cellStyle name="標準 3 4 4 2 3 4 2" xfId="5619"/>
    <cellStyle name="標準 3 4 4 2 3 4 3" xfId="8571"/>
    <cellStyle name="標準 3 4 4 2 3 4_原油高騰等の影響業種" xfId="10705"/>
    <cellStyle name="標準 3 4 4 2 3 5" xfId="3405"/>
    <cellStyle name="標準 3 4 4 2 3 6" xfId="6357"/>
    <cellStyle name="標準 3 4 4 2 3_原油高騰等の影響業種" xfId="10702"/>
    <cellStyle name="標準 3 4 4 2 4" xfId="822"/>
    <cellStyle name="標準 3 4 4 2 4 2" xfId="3774"/>
    <cellStyle name="標準 3 4 4 2 4 3" xfId="6726"/>
    <cellStyle name="標準 3 4 4 2 4_原油高騰等の影響業種" xfId="10706"/>
    <cellStyle name="標準 3 4 4 2 5" xfId="1560"/>
    <cellStyle name="標準 3 4 4 2 5 2" xfId="4512"/>
    <cellStyle name="標準 3 4 4 2 5 3" xfId="7464"/>
    <cellStyle name="標準 3 4 4 2 5_原油高騰等の影響業種" xfId="10707"/>
    <cellStyle name="標準 3 4 4 2 6" xfId="2298"/>
    <cellStyle name="標準 3 4 4 2 6 2" xfId="5250"/>
    <cellStyle name="標準 3 4 4 2 6 3" xfId="8202"/>
    <cellStyle name="標準 3 4 4 2 6_原油高騰等の影響業種" xfId="10708"/>
    <cellStyle name="標準 3 4 4 2 7" xfId="3036"/>
    <cellStyle name="標準 3 4 4 2 8" xfId="5988"/>
    <cellStyle name="標準 3 4 4 2_原油高騰等の影響業種" xfId="10693"/>
    <cellStyle name="標準 3 4 4 3" xfId="125"/>
    <cellStyle name="標準 3 4 4 3 2" xfId="305"/>
    <cellStyle name="標準 3 4 4 3 2 2" xfId="678"/>
    <cellStyle name="標準 3 4 4 3 2 2 2" xfId="1416"/>
    <cellStyle name="標準 3 4 4 3 2 2 2 2" xfId="4368"/>
    <cellStyle name="標準 3 4 4 3 2 2 2 3" xfId="7320"/>
    <cellStyle name="標準 3 4 4 3 2 2 2_原油高騰等の影響業種" xfId="10712"/>
    <cellStyle name="標準 3 4 4 3 2 2 3" xfId="2154"/>
    <cellStyle name="標準 3 4 4 3 2 2 3 2" xfId="5106"/>
    <cellStyle name="標準 3 4 4 3 2 2 3 3" xfId="8058"/>
    <cellStyle name="標準 3 4 4 3 2 2 3_原油高騰等の影響業種" xfId="10713"/>
    <cellStyle name="標準 3 4 4 3 2 2 4" xfId="2892"/>
    <cellStyle name="標準 3 4 4 3 2 2 4 2" xfId="5844"/>
    <cellStyle name="標準 3 4 4 3 2 2 4 3" xfId="8796"/>
    <cellStyle name="標準 3 4 4 3 2 2 4_原油高騰等の影響業種" xfId="10714"/>
    <cellStyle name="標準 3 4 4 3 2 2 5" xfId="3630"/>
    <cellStyle name="標準 3 4 4 3 2 2 6" xfId="6582"/>
    <cellStyle name="標準 3 4 4 3 2 2_原油高騰等の影響業種" xfId="10711"/>
    <cellStyle name="標準 3 4 4 3 2 3" xfId="1047"/>
    <cellStyle name="標準 3 4 4 3 2 3 2" xfId="3999"/>
    <cellStyle name="標準 3 4 4 3 2 3 3" xfId="6951"/>
    <cellStyle name="標準 3 4 4 3 2 3_原油高騰等の影響業種" xfId="10715"/>
    <cellStyle name="標準 3 4 4 3 2 4" xfId="1785"/>
    <cellStyle name="標準 3 4 4 3 2 4 2" xfId="4737"/>
    <cellStyle name="標準 3 4 4 3 2 4 3" xfId="7689"/>
    <cellStyle name="標準 3 4 4 3 2 4_原油高騰等の影響業種" xfId="10716"/>
    <cellStyle name="標準 3 4 4 3 2 5" xfId="2523"/>
    <cellStyle name="標準 3 4 4 3 2 5 2" xfId="5475"/>
    <cellStyle name="標準 3 4 4 3 2 5 3" xfId="8427"/>
    <cellStyle name="標準 3 4 4 3 2 5_原油高騰等の影響業種" xfId="10717"/>
    <cellStyle name="標準 3 4 4 3 2 6" xfId="3261"/>
    <cellStyle name="標準 3 4 4 3 2 7" xfId="6213"/>
    <cellStyle name="標準 3 4 4 3 2_原油高騰等の影響業種" xfId="10710"/>
    <cellStyle name="標準 3 4 4 3 3" xfId="498"/>
    <cellStyle name="標準 3 4 4 3 3 2" xfId="1236"/>
    <cellStyle name="標準 3 4 4 3 3 2 2" xfId="4188"/>
    <cellStyle name="標準 3 4 4 3 3 2 3" xfId="7140"/>
    <cellStyle name="標準 3 4 4 3 3 2_原油高騰等の影響業種" xfId="10719"/>
    <cellStyle name="標準 3 4 4 3 3 3" xfId="1974"/>
    <cellStyle name="標準 3 4 4 3 3 3 2" xfId="4926"/>
    <cellStyle name="標準 3 4 4 3 3 3 3" xfId="7878"/>
    <cellStyle name="標準 3 4 4 3 3 3_原油高騰等の影響業種" xfId="10720"/>
    <cellStyle name="標準 3 4 4 3 3 4" xfId="2712"/>
    <cellStyle name="標準 3 4 4 3 3 4 2" xfId="5664"/>
    <cellStyle name="標準 3 4 4 3 3 4 3" xfId="8616"/>
    <cellStyle name="標準 3 4 4 3 3 4_原油高騰等の影響業種" xfId="10721"/>
    <cellStyle name="標準 3 4 4 3 3 5" xfId="3450"/>
    <cellStyle name="標準 3 4 4 3 3 6" xfId="6402"/>
    <cellStyle name="標準 3 4 4 3 3_原油高騰等の影響業種" xfId="10718"/>
    <cellStyle name="標準 3 4 4 3 4" xfId="867"/>
    <cellStyle name="標準 3 4 4 3 4 2" xfId="3819"/>
    <cellStyle name="標準 3 4 4 3 4 3" xfId="6771"/>
    <cellStyle name="標準 3 4 4 3 4_原油高騰等の影響業種" xfId="10722"/>
    <cellStyle name="標準 3 4 4 3 5" xfId="1605"/>
    <cellStyle name="標準 3 4 4 3 5 2" xfId="4557"/>
    <cellStyle name="標準 3 4 4 3 5 3" xfId="7509"/>
    <cellStyle name="標準 3 4 4 3 5_原油高騰等の影響業種" xfId="10723"/>
    <cellStyle name="標準 3 4 4 3 6" xfId="2343"/>
    <cellStyle name="標準 3 4 4 3 6 2" xfId="5295"/>
    <cellStyle name="標準 3 4 4 3 6 3" xfId="8247"/>
    <cellStyle name="標準 3 4 4 3 6_原油高騰等の影響業種" xfId="10724"/>
    <cellStyle name="標準 3 4 4 3 7" xfId="3081"/>
    <cellStyle name="標準 3 4 4 3 8" xfId="6033"/>
    <cellStyle name="標準 3 4 4 3_原油高騰等の影響業種" xfId="10709"/>
    <cellStyle name="標準 3 4 4 4" xfId="170"/>
    <cellStyle name="標準 3 4 4 4 2" xfId="350"/>
    <cellStyle name="標準 3 4 4 4 2 2" xfId="723"/>
    <cellStyle name="標準 3 4 4 4 2 2 2" xfId="1461"/>
    <cellStyle name="標準 3 4 4 4 2 2 2 2" xfId="4413"/>
    <cellStyle name="標準 3 4 4 4 2 2 2 3" xfId="7365"/>
    <cellStyle name="標準 3 4 4 4 2 2 2_原油高騰等の影響業種" xfId="10728"/>
    <cellStyle name="標準 3 4 4 4 2 2 3" xfId="2199"/>
    <cellStyle name="標準 3 4 4 4 2 2 3 2" xfId="5151"/>
    <cellStyle name="標準 3 4 4 4 2 2 3 3" xfId="8103"/>
    <cellStyle name="標準 3 4 4 4 2 2 3_原油高騰等の影響業種" xfId="10729"/>
    <cellStyle name="標準 3 4 4 4 2 2 4" xfId="2937"/>
    <cellStyle name="標準 3 4 4 4 2 2 4 2" xfId="5889"/>
    <cellStyle name="標準 3 4 4 4 2 2 4 3" xfId="8841"/>
    <cellStyle name="標準 3 4 4 4 2 2 4_原油高騰等の影響業種" xfId="10730"/>
    <cellStyle name="標準 3 4 4 4 2 2 5" xfId="3675"/>
    <cellStyle name="標準 3 4 4 4 2 2 6" xfId="6627"/>
    <cellStyle name="標準 3 4 4 4 2 2_原油高騰等の影響業種" xfId="10727"/>
    <cellStyle name="標準 3 4 4 4 2 3" xfId="1092"/>
    <cellStyle name="標準 3 4 4 4 2 3 2" xfId="4044"/>
    <cellStyle name="標準 3 4 4 4 2 3 3" xfId="6996"/>
    <cellStyle name="標準 3 4 4 4 2 3_原油高騰等の影響業種" xfId="10731"/>
    <cellStyle name="標準 3 4 4 4 2 4" xfId="1830"/>
    <cellStyle name="標準 3 4 4 4 2 4 2" xfId="4782"/>
    <cellStyle name="標準 3 4 4 4 2 4 3" xfId="7734"/>
    <cellStyle name="標準 3 4 4 4 2 4_原油高騰等の影響業種" xfId="10732"/>
    <cellStyle name="標準 3 4 4 4 2 5" xfId="2568"/>
    <cellStyle name="標準 3 4 4 4 2 5 2" xfId="5520"/>
    <cellStyle name="標準 3 4 4 4 2 5 3" xfId="8472"/>
    <cellStyle name="標準 3 4 4 4 2 5_原油高騰等の影響業種" xfId="10733"/>
    <cellStyle name="標準 3 4 4 4 2 6" xfId="3306"/>
    <cellStyle name="標準 3 4 4 4 2 7" xfId="6258"/>
    <cellStyle name="標準 3 4 4 4 2_原油高騰等の影響業種" xfId="10726"/>
    <cellStyle name="標準 3 4 4 4 3" xfId="543"/>
    <cellStyle name="標準 3 4 4 4 3 2" xfId="1281"/>
    <cellStyle name="標準 3 4 4 4 3 2 2" xfId="4233"/>
    <cellStyle name="標準 3 4 4 4 3 2 3" xfId="7185"/>
    <cellStyle name="標準 3 4 4 4 3 2_原油高騰等の影響業種" xfId="10735"/>
    <cellStyle name="標準 3 4 4 4 3 3" xfId="2019"/>
    <cellStyle name="標準 3 4 4 4 3 3 2" xfId="4971"/>
    <cellStyle name="標準 3 4 4 4 3 3 3" xfId="7923"/>
    <cellStyle name="標準 3 4 4 4 3 3_原油高騰等の影響業種" xfId="10736"/>
    <cellStyle name="標準 3 4 4 4 3 4" xfId="2757"/>
    <cellStyle name="標準 3 4 4 4 3 4 2" xfId="5709"/>
    <cellStyle name="標準 3 4 4 4 3 4 3" xfId="8661"/>
    <cellStyle name="標準 3 4 4 4 3 4_原油高騰等の影響業種" xfId="10737"/>
    <cellStyle name="標準 3 4 4 4 3 5" xfId="3495"/>
    <cellStyle name="標準 3 4 4 4 3 6" xfId="6447"/>
    <cellStyle name="標準 3 4 4 4 3_原油高騰等の影響業種" xfId="10734"/>
    <cellStyle name="標準 3 4 4 4 4" xfId="912"/>
    <cellStyle name="標準 3 4 4 4 4 2" xfId="3864"/>
    <cellStyle name="標準 3 4 4 4 4 3" xfId="6816"/>
    <cellStyle name="標準 3 4 4 4 4_原油高騰等の影響業種" xfId="10738"/>
    <cellStyle name="標準 3 4 4 4 5" xfId="1650"/>
    <cellStyle name="標準 3 4 4 4 5 2" xfId="4602"/>
    <cellStyle name="標準 3 4 4 4 5 3" xfId="7554"/>
    <cellStyle name="標準 3 4 4 4 5_原油高騰等の影響業種" xfId="10739"/>
    <cellStyle name="標準 3 4 4 4 6" xfId="2388"/>
    <cellStyle name="標準 3 4 4 4 6 2" xfId="5340"/>
    <cellStyle name="標準 3 4 4 4 6 3" xfId="8292"/>
    <cellStyle name="標準 3 4 4 4 6_原油高騰等の影響業種" xfId="10740"/>
    <cellStyle name="標準 3 4 4 4 7" xfId="3126"/>
    <cellStyle name="標準 3 4 4 4 8" xfId="6078"/>
    <cellStyle name="標準 3 4 4 4_原油高騰等の影響業種" xfId="10725"/>
    <cellStyle name="標準 3 4 4 5" xfId="215"/>
    <cellStyle name="標準 3 4 4 5 2" xfId="588"/>
    <cellStyle name="標準 3 4 4 5 2 2" xfId="1326"/>
    <cellStyle name="標準 3 4 4 5 2 2 2" xfId="4278"/>
    <cellStyle name="標準 3 4 4 5 2 2 3" xfId="7230"/>
    <cellStyle name="標準 3 4 4 5 2 2_原油高騰等の影響業種" xfId="10743"/>
    <cellStyle name="標準 3 4 4 5 2 3" xfId="2064"/>
    <cellStyle name="標準 3 4 4 5 2 3 2" xfId="5016"/>
    <cellStyle name="標準 3 4 4 5 2 3 3" xfId="7968"/>
    <cellStyle name="標準 3 4 4 5 2 3_原油高騰等の影響業種" xfId="10744"/>
    <cellStyle name="標準 3 4 4 5 2 4" xfId="2802"/>
    <cellStyle name="標準 3 4 4 5 2 4 2" xfId="5754"/>
    <cellStyle name="標準 3 4 4 5 2 4 3" xfId="8706"/>
    <cellStyle name="標準 3 4 4 5 2 4_原油高騰等の影響業種" xfId="10745"/>
    <cellStyle name="標準 3 4 4 5 2 5" xfId="3540"/>
    <cellStyle name="標準 3 4 4 5 2 6" xfId="6492"/>
    <cellStyle name="標準 3 4 4 5 2_原油高騰等の影響業種" xfId="10742"/>
    <cellStyle name="標準 3 4 4 5 3" xfId="957"/>
    <cellStyle name="標準 3 4 4 5 3 2" xfId="3909"/>
    <cellStyle name="標準 3 4 4 5 3 3" xfId="6861"/>
    <cellStyle name="標準 3 4 4 5 3_原油高騰等の影響業種" xfId="10746"/>
    <cellStyle name="標準 3 4 4 5 4" xfId="1695"/>
    <cellStyle name="標準 3 4 4 5 4 2" xfId="4647"/>
    <cellStyle name="標準 3 4 4 5 4 3" xfId="7599"/>
    <cellStyle name="標準 3 4 4 5 4_原油高騰等の影響業種" xfId="10747"/>
    <cellStyle name="標準 3 4 4 5 5" xfId="2433"/>
    <cellStyle name="標準 3 4 4 5 5 2" xfId="5385"/>
    <cellStyle name="標準 3 4 4 5 5 3" xfId="8337"/>
    <cellStyle name="標準 3 4 4 5 5_原油高騰等の影響業種" xfId="10748"/>
    <cellStyle name="標準 3 4 4 5 6" xfId="3171"/>
    <cellStyle name="標準 3 4 4 5 7" xfId="6123"/>
    <cellStyle name="標準 3 4 4 5_原油高騰等の影響業種" xfId="10741"/>
    <cellStyle name="標準 3 4 4 6" xfId="408"/>
    <cellStyle name="標準 3 4 4 6 2" xfId="1146"/>
    <cellStyle name="標準 3 4 4 6 2 2" xfId="4098"/>
    <cellStyle name="標準 3 4 4 6 2 3" xfId="7050"/>
    <cellStyle name="標準 3 4 4 6 2_原油高騰等の影響業種" xfId="10750"/>
    <cellStyle name="標準 3 4 4 6 3" xfId="1884"/>
    <cellStyle name="標準 3 4 4 6 3 2" xfId="4836"/>
    <cellStyle name="標準 3 4 4 6 3 3" xfId="7788"/>
    <cellStyle name="標準 3 4 4 6 3_原油高騰等の影響業種" xfId="10751"/>
    <cellStyle name="標準 3 4 4 6 4" xfId="2622"/>
    <cellStyle name="標準 3 4 4 6 4 2" xfId="5574"/>
    <cellStyle name="標準 3 4 4 6 4 3" xfId="8526"/>
    <cellStyle name="標準 3 4 4 6 4_原油高騰等の影響業種" xfId="10752"/>
    <cellStyle name="標準 3 4 4 6 5" xfId="3360"/>
    <cellStyle name="標準 3 4 4 6 6" xfId="6312"/>
    <cellStyle name="標準 3 4 4 6_原油高騰等の影響業種" xfId="10749"/>
    <cellStyle name="標準 3 4 4 7" xfId="777"/>
    <cellStyle name="標準 3 4 4 7 2" xfId="3729"/>
    <cellStyle name="標準 3 4 4 7 3" xfId="6681"/>
    <cellStyle name="標準 3 4 4 7_原油高騰等の影響業種" xfId="10753"/>
    <cellStyle name="標準 3 4 4 8" xfId="1515"/>
    <cellStyle name="標準 3 4 4 8 2" xfId="4467"/>
    <cellStyle name="標準 3 4 4 8 3" xfId="7419"/>
    <cellStyle name="標準 3 4 4 8_原油高騰等の影響業種" xfId="10754"/>
    <cellStyle name="標準 3 4 4 9" xfId="2253"/>
    <cellStyle name="標準 3 4 4 9 2" xfId="5205"/>
    <cellStyle name="標準 3 4 4 9 3" xfId="8157"/>
    <cellStyle name="標準 3 4 4 9_原油高騰等の影響業種" xfId="10755"/>
    <cellStyle name="標準 3 4 4_原油高騰等の影響業種" xfId="10692"/>
    <cellStyle name="標準 3 4 5" xfId="53"/>
    <cellStyle name="標準 3 4 5 10" xfId="3009"/>
    <cellStyle name="標準 3 4 5 11" xfId="5961"/>
    <cellStyle name="標準 3 4 5 2" xfId="98"/>
    <cellStyle name="標準 3 4 5 2 2" xfId="278"/>
    <cellStyle name="標準 3 4 5 2 2 2" xfId="651"/>
    <cellStyle name="標準 3 4 5 2 2 2 2" xfId="1389"/>
    <cellStyle name="標準 3 4 5 2 2 2 2 2" xfId="4341"/>
    <cellStyle name="標準 3 4 5 2 2 2 2 3" xfId="7293"/>
    <cellStyle name="標準 3 4 5 2 2 2 2_原油高騰等の影響業種" xfId="10760"/>
    <cellStyle name="標準 3 4 5 2 2 2 3" xfId="2127"/>
    <cellStyle name="標準 3 4 5 2 2 2 3 2" xfId="5079"/>
    <cellStyle name="標準 3 4 5 2 2 2 3 3" xfId="8031"/>
    <cellStyle name="標準 3 4 5 2 2 2 3_原油高騰等の影響業種" xfId="10761"/>
    <cellStyle name="標準 3 4 5 2 2 2 4" xfId="2865"/>
    <cellStyle name="標準 3 4 5 2 2 2 4 2" xfId="5817"/>
    <cellStyle name="標準 3 4 5 2 2 2 4 3" xfId="8769"/>
    <cellStyle name="標準 3 4 5 2 2 2 4_原油高騰等の影響業種" xfId="10762"/>
    <cellStyle name="標準 3 4 5 2 2 2 5" xfId="3603"/>
    <cellStyle name="標準 3 4 5 2 2 2 6" xfId="6555"/>
    <cellStyle name="標準 3 4 5 2 2 2_原油高騰等の影響業種" xfId="10759"/>
    <cellStyle name="標準 3 4 5 2 2 3" xfId="1020"/>
    <cellStyle name="標準 3 4 5 2 2 3 2" xfId="3972"/>
    <cellStyle name="標準 3 4 5 2 2 3 3" xfId="6924"/>
    <cellStyle name="標準 3 4 5 2 2 3_原油高騰等の影響業種" xfId="10763"/>
    <cellStyle name="標準 3 4 5 2 2 4" xfId="1758"/>
    <cellStyle name="標準 3 4 5 2 2 4 2" xfId="4710"/>
    <cellStyle name="標準 3 4 5 2 2 4 3" xfId="7662"/>
    <cellStyle name="標準 3 4 5 2 2 4_原油高騰等の影響業種" xfId="10764"/>
    <cellStyle name="標準 3 4 5 2 2 5" xfId="2496"/>
    <cellStyle name="標準 3 4 5 2 2 5 2" xfId="5448"/>
    <cellStyle name="標準 3 4 5 2 2 5 3" xfId="8400"/>
    <cellStyle name="標準 3 4 5 2 2 5_原油高騰等の影響業種" xfId="10765"/>
    <cellStyle name="標準 3 4 5 2 2 6" xfId="3234"/>
    <cellStyle name="標準 3 4 5 2 2 7" xfId="6186"/>
    <cellStyle name="標準 3 4 5 2 2_原油高騰等の影響業種" xfId="10758"/>
    <cellStyle name="標準 3 4 5 2 3" xfId="471"/>
    <cellStyle name="標準 3 4 5 2 3 2" xfId="1209"/>
    <cellStyle name="標準 3 4 5 2 3 2 2" xfId="4161"/>
    <cellStyle name="標準 3 4 5 2 3 2 3" xfId="7113"/>
    <cellStyle name="標準 3 4 5 2 3 2_原油高騰等の影響業種" xfId="10767"/>
    <cellStyle name="標準 3 4 5 2 3 3" xfId="1947"/>
    <cellStyle name="標準 3 4 5 2 3 3 2" xfId="4899"/>
    <cellStyle name="標準 3 4 5 2 3 3 3" xfId="7851"/>
    <cellStyle name="標準 3 4 5 2 3 3_原油高騰等の影響業種" xfId="10768"/>
    <cellStyle name="標準 3 4 5 2 3 4" xfId="2685"/>
    <cellStyle name="標準 3 4 5 2 3 4 2" xfId="5637"/>
    <cellStyle name="標準 3 4 5 2 3 4 3" xfId="8589"/>
    <cellStyle name="標準 3 4 5 2 3 4_原油高騰等の影響業種" xfId="10769"/>
    <cellStyle name="標準 3 4 5 2 3 5" xfId="3423"/>
    <cellStyle name="標準 3 4 5 2 3 6" xfId="6375"/>
    <cellStyle name="標準 3 4 5 2 3_原油高騰等の影響業種" xfId="10766"/>
    <cellStyle name="標準 3 4 5 2 4" xfId="840"/>
    <cellStyle name="標準 3 4 5 2 4 2" xfId="3792"/>
    <cellStyle name="標準 3 4 5 2 4 3" xfId="6744"/>
    <cellStyle name="標準 3 4 5 2 4_原油高騰等の影響業種" xfId="10770"/>
    <cellStyle name="標準 3 4 5 2 5" xfId="1578"/>
    <cellStyle name="標準 3 4 5 2 5 2" xfId="4530"/>
    <cellStyle name="標準 3 4 5 2 5 3" xfId="7482"/>
    <cellStyle name="標準 3 4 5 2 5_原油高騰等の影響業種" xfId="10771"/>
    <cellStyle name="標準 3 4 5 2 6" xfId="2316"/>
    <cellStyle name="標準 3 4 5 2 6 2" xfId="5268"/>
    <cellStyle name="標準 3 4 5 2 6 3" xfId="8220"/>
    <cellStyle name="標準 3 4 5 2 6_原油高騰等の影響業種" xfId="10772"/>
    <cellStyle name="標準 3 4 5 2 7" xfId="3054"/>
    <cellStyle name="標準 3 4 5 2 8" xfId="6006"/>
    <cellStyle name="標準 3 4 5 2_原油高騰等の影響業種" xfId="10757"/>
    <cellStyle name="標準 3 4 5 3" xfId="143"/>
    <cellStyle name="標準 3 4 5 3 2" xfId="323"/>
    <cellStyle name="標準 3 4 5 3 2 2" xfId="696"/>
    <cellStyle name="標準 3 4 5 3 2 2 2" xfId="1434"/>
    <cellStyle name="標準 3 4 5 3 2 2 2 2" xfId="4386"/>
    <cellStyle name="標準 3 4 5 3 2 2 2 3" xfId="7338"/>
    <cellStyle name="標準 3 4 5 3 2 2 2_原油高騰等の影響業種" xfId="10776"/>
    <cellStyle name="標準 3 4 5 3 2 2 3" xfId="2172"/>
    <cellStyle name="標準 3 4 5 3 2 2 3 2" xfId="5124"/>
    <cellStyle name="標準 3 4 5 3 2 2 3 3" xfId="8076"/>
    <cellStyle name="標準 3 4 5 3 2 2 3_原油高騰等の影響業種" xfId="10777"/>
    <cellStyle name="標準 3 4 5 3 2 2 4" xfId="2910"/>
    <cellStyle name="標準 3 4 5 3 2 2 4 2" xfId="5862"/>
    <cellStyle name="標準 3 4 5 3 2 2 4 3" xfId="8814"/>
    <cellStyle name="標準 3 4 5 3 2 2 4_原油高騰等の影響業種" xfId="10778"/>
    <cellStyle name="標準 3 4 5 3 2 2 5" xfId="3648"/>
    <cellStyle name="標準 3 4 5 3 2 2 6" xfId="6600"/>
    <cellStyle name="標準 3 4 5 3 2 2_原油高騰等の影響業種" xfId="10775"/>
    <cellStyle name="標準 3 4 5 3 2 3" xfId="1065"/>
    <cellStyle name="標準 3 4 5 3 2 3 2" xfId="4017"/>
    <cellStyle name="標準 3 4 5 3 2 3 3" xfId="6969"/>
    <cellStyle name="標準 3 4 5 3 2 3_原油高騰等の影響業種" xfId="10779"/>
    <cellStyle name="標準 3 4 5 3 2 4" xfId="1803"/>
    <cellStyle name="標準 3 4 5 3 2 4 2" xfId="4755"/>
    <cellStyle name="標準 3 4 5 3 2 4 3" xfId="7707"/>
    <cellStyle name="標準 3 4 5 3 2 4_原油高騰等の影響業種" xfId="10780"/>
    <cellStyle name="標準 3 4 5 3 2 5" xfId="2541"/>
    <cellStyle name="標準 3 4 5 3 2 5 2" xfId="5493"/>
    <cellStyle name="標準 3 4 5 3 2 5 3" xfId="8445"/>
    <cellStyle name="標準 3 4 5 3 2 5_原油高騰等の影響業種" xfId="10781"/>
    <cellStyle name="標準 3 4 5 3 2 6" xfId="3279"/>
    <cellStyle name="標準 3 4 5 3 2 7" xfId="6231"/>
    <cellStyle name="標準 3 4 5 3 2_原油高騰等の影響業種" xfId="10774"/>
    <cellStyle name="標準 3 4 5 3 3" xfId="516"/>
    <cellStyle name="標準 3 4 5 3 3 2" xfId="1254"/>
    <cellStyle name="標準 3 4 5 3 3 2 2" xfId="4206"/>
    <cellStyle name="標準 3 4 5 3 3 2 3" xfId="7158"/>
    <cellStyle name="標準 3 4 5 3 3 2_原油高騰等の影響業種" xfId="10783"/>
    <cellStyle name="標準 3 4 5 3 3 3" xfId="1992"/>
    <cellStyle name="標準 3 4 5 3 3 3 2" xfId="4944"/>
    <cellStyle name="標準 3 4 5 3 3 3 3" xfId="7896"/>
    <cellStyle name="標準 3 4 5 3 3 3_原油高騰等の影響業種" xfId="10784"/>
    <cellStyle name="標準 3 4 5 3 3 4" xfId="2730"/>
    <cellStyle name="標準 3 4 5 3 3 4 2" xfId="5682"/>
    <cellStyle name="標準 3 4 5 3 3 4 3" xfId="8634"/>
    <cellStyle name="標準 3 4 5 3 3 4_原油高騰等の影響業種" xfId="10785"/>
    <cellStyle name="標準 3 4 5 3 3 5" xfId="3468"/>
    <cellStyle name="標準 3 4 5 3 3 6" xfId="6420"/>
    <cellStyle name="標準 3 4 5 3 3_原油高騰等の影響業種" xfId="10782"/>
    <cellStyle name="標準 3 4 5 3 4" xfId="885"/>
    <cellStyle name="標準 3 4 5 3 4 2" xfId="3837"/>
    <cellStyle name="標準 3 4 5 3 4 3" xfId="6789"/>
    <cellStyle name="標準 3 4 5 3 4_原油高騰等の影響業種" xfId="10786"/>
    <cellStyle name="標準 3 4 5 3 5" xfId="1623"/>
    <cellStyle name="標準 3 4 5 3 5 2" xfId="4575"/>
    <cellStyle name="標準 3 4 5 3 5 3" xfId="7527"/>
    <cellStyle name="標準 3 4 5 3 5_原油高騰等の影響業種" xfId="10787"/>
    <cellStyle name="標準 3 4 5 3 6" xfId="2361"/>
    <cellStyle name="標準 3 4 5 3 6 2" xfId="5313"/>
    <cellStyle name="標準 3 4 5 3 6 3" xfId="8265"/>
    <cellStyle name="標準 3 4 5 3 6_原油高騰等の影響業種" xfId="10788"/>
    <cellStyle name="標準 3 4 5 3 7" xfId="3099"/>
    <cellStyle name="標準 3 4 5 3 8" xfId="6051"/>
    <cellStyle name="標準 3 4 5 3_原油高騰等の影響業種" xfId="10773"/>
    <cellStyle name="標準 3 4 5 4" xfId="188"/>
    <cellStyle name="標準 3 4 5 4 2" xfId="368"/>
    <cellStyle name="標準 3 4 5 4 2 2" xfId="741"/>
    <cellStyle name="標準 3 4 5 4 2 2 2" xfId="1479"/>
    <cellStyle name="標準 3 4 5 4 2 2 2 2" xfId="4431"/>
    <cellStyle name="標準 3 4 5 4 2 2 2 3" xfId="7383"/>
    <cellStyle name="標準 3 4 5 4 2 2 2_原油高騰等の影響業種" xfId="10792"/>
    <cellStyle name="標準 3 4 5 4 2 2 3" xfId="2217"/>
    <cellStyle name="標準 3 4 5 4 2 2 3 2" xfId="5169"/>
    <cellStyle name="標準 3 4 5 4 2 2 3 3" xfId="8121"/>
    <cellStyle name="標準 3 4 5 4 2 2 3_原油高騰等の影響業種" xfId="10793"/>
    <cellStyle name="標準 3 4 5 4 2 2 4" xfId="2955"/>
    <cellStyle name="標準 3 4 5 4 2 2 4 2" xfId="5907"/>
    <cellStyle name="標準 3 4 5 4 2 2 4 3" xfId="8859"/>
    <cellStyle name="標準 3 4 5 4 2 2 4_原油高騰等の影響業種" xfId="10794"/>
    <cellStyle name="標準 3 4 5 4 2 2 5" xfId="3693"/>
    <cellStyle name="標準 3 4 5 4 2 2 6" xfId="6645"/>
    <cellStyle name="標準 3 4 5 4 2 2_原油高騰等の影響業種" xfId="10791"/>
    <cellStyle name="標準 3 4 5 4 2 3" xfId="1110"/>
    <cellStyle name="標準 3 4 5 4 2 3 2" xfId="4062"/>
    <cellStyle name="標準 3 4 5 4 2 3 3" xfId="7014"/>
    <cellStyle name="標準 3 4 5 4 2 3_原油高騰等の影響業種" xfId="10795"/>
    <cellStyle name="標準 3 4 5 4 2 4" xfId="1848"/>
    <cellStyle name="標準 3 4 5 4 2 4 2" xfId="4800"/>
    <cellStyle name="標準 3 4 5 4 2 4 3" xfId="7752"/>
    <cellStyle name="標準 3 4 5 4 2 4_原油高騰等の影響業種" xfId="10796"/>
    <cellStyle name="標準 3 4 5 4 2 5" xfId="2586"/>
    <cellStyle name="標準 3 4 5 4 2 5 2" xfId="5538"/>
    <cellStyle name="標準 3 4 5 4 2 5 3" xfId="8490"/>
    <cellStyle name="標準 3 4 5 4 2 5_原油高騰等の影響業種" xfId="10797"/>
    <cellStyle name="標準 3 4 5 4 2 6" xfId="3324"/>
    <cellStyle name="標準 3 4 5 4 2 7" xfId="6276"/>
    <cellStyle name="標準 3 4 5 4 2_原油高騰等の影響業種" xfId="10790"/>
    <cellStyle name="標準 3 4 5 4 3" xfId="561"/>
    <cellStyle name="標準 3 4 5 4 3 2" xfId="1299"/>
    <cellStyle name="標準 3 4 5 4 3 2 2" xfId="4251"/>
    <cellStyle name="標準 3 4 5 4 3 2 3" xfId="7203"/>
    <cellStyle name="標準 3 4 5 4 3 2_原油高騰等の影響業種" xfId="10799"/>
    <cellStyle name="標準 3 4 5 4 3 3" xfId="2037"/>
    <cellStyle name="標準 3 4 5 4 3 3 2" xfId="4989"/>
    <cellStyle name="標準 3 4 5 4 3 3 3" xfId="7941"/>
    <cellStyle name="標準 3 4 5 4 3 3_原油高騰等の影響業種" xfId="10800"/>
    <cellStyle name="標準 3 4 5 4 3 4" xfId="2775"/>
    <cellStyle name="標準 3 4 5 4 3 4 2" xfId="5727"/>
    <cellStyle name="標準 3 4 5 4 3 4 3" xfId="8679"/>
    <cellStyle name="標準 3 4 5 4 3 4_原油高騰等の影響業種" xfId="10801"/>
    <cellStyle name="標準 3 4 5 4 3 5" xfId="3513"/>
    <cellStyle name="標準 3 4 5 4 3 6" xfId="6465"/>
    <cellStyle name="標準 3 4 5 4 3_原油高騰等の影響業種" xfId="10798"/>
    <cellStyle name="標準 3 4 5 4 4" xfId="930"/>
    <cellStyle name="標準 3 4 5 4 4 2" xfId="3882"/>
    <cellStyle name="標準 3 4 5 4 4 3" xfId="6834"/>
    <cellStyle name="標準 3 4 5 4 4_原油高騰等の影響業種" xfId="10802"/>
    <cellStyle name="標準 3 4 5 4 5" xfId="1668"/>
    <cellStyle name="標準 3 4 5 4 5 2" xfId="4620"/>
    <cellStyle name="標準 3 4 5 4 5 3" xfId="7572"/>
    <cellStyle name="標準 3 4 5 4 5_原油高騰等の影響業種" xfId="10803"/>
    <cellStyle name="標準 3 4 5 4 6" xfId="2406"/>
    <cellStyle name="標準 3 4 5 4 6 2" xfId="5358"/>
    <cellStyle name="標準 3 4 5 4 6 3" xfId="8310"/>
    <cellStyle name="標準 3 4 5 4 6_原油高騰等の影響業種" xfId="10804"/>
    <cellStyle name="標準 3 4 5 4 7" xfId="3144"/>
    <cellStyle name="標準 3 4 5 4 8" xfId="6096"/>
    <cellStyle name="標準 3 4 5 4_原油高騰等の影響業種" xfId="10789"/>
    <cellStyle name="標準 3 4 5 5" xfId="233"/>
    <cellStyle name="標準 3 4 5 5 2" xfId="606"/>
    <cellStyle name="標準 3 4 5 5 2 2" xfId="1344"/>
    <cellStyle name="標準 3 4 5 5 2 2 2" xfId="4296"/>
    <cellStyle name="標準 3 4 5 5 2 2 3" xfId="7248"/>
    <cellStyle name="標準 3 4 5 5 2 2_原油高騰等の影響業種" xfId="10807"/>
    <cellStyle name="標準 3 4 5 5 2 3" xfId="2082"/>
    <cellStyle name="標準 3 4 5 5 2 3 2" xfId="5034"/>
    <cellStyle name="標準 3 4 5 5 2 3 3" xfId="7986"/>
    <cellStyle name="標準 3 4 5 5 2 3_原油高騰等の影響業種" xfId="10808"/>
    <cellStyle name="標準 3 4 5 5 2 4" xfId="2820"/>
    <cellStyle name="標準 3 4 5 5 2 4 2" xfId="5772"/>
    <cellStyle name="標準 3 4 5 5 2 4 3" xfId="8724"/>
    <cellStyle name="標準 3 4 5 5 2 4_原油高騰等の影響業種" xfId="10809"/>
    <cellStyle name="標準 3 4 5 5 2 5" xfId="3558"/>
    <cellStyle name="標準 3 4 5 5 2 6" xfId="6510"/>
    <cellStyle name="標準 3 4 5 5 2_原油高騰等の影響業種" xfId="10806"/>
    <cellStyle name="標準 3 4 5 5 3" xfId="975"/>
    <cellStyle name="標準 3 4 5 5 3 2" xfId="3927"/>
    <cellStyle name="標準 3 4 5 5 3 3" xfId="6879"/>
    <cellStyle name="標準 3 4 5 5 3_原油高騰等の影響業種" xfId="10810"/>
    <cellStyle name="標準 3 4 5 5 4" xfId="1713"/>
    <cellStyle name="標準 3 4 5 5 4 2" xfId="4665"/>
    <cellStyle name="標準 3 4 5 5 4 3" xfId="7617"/>
    <cellStyle name="標準 3 4 5 5 4_原油高騰等の影響業種" xfId="10811"/>
    <cellStyle name="標準 3 4 5 5 5" xfId="2451"/>
    <cellStyle name="標準 3 4 5 5 5 2" xfId="5403"/>
    <cellStyle name="標準 3 4 5 5 5 3" xfId="8355"/>
    <cellStyle name="標準 3 4 5 5 5_原油高騰等の影響業種" xfId="10812"/>
    <cellStyle name="標準 3 4 5 5 6" xfId="3189"/>
    <cellStyle name="標準 3 4 5 5 7" xfId="6141"/>
    <cellStyle name="標準 3 4 5 5_原油高騰等の影響業種" xfId="10805"/>
    <cellStyle name="標準 3 4 5 6" xfId="426"/>
    <cellStyle name="標準 3 4 5 6 2" xfId="1164"/>
    <cellStyle name="標準 3 4 5 6 2 2" xfId="4116"/>
    <cellStyle name="標準 3 4 5 6 2 3" xfId="7068"/>
    <cellStyle name="標準 3 4 5 6 2_原油高騰等の影響業種" xfId="10814"/>
    <cellStyle name="標準 3 4 5 6 3" xfId="1902"/>
    <cellStyle name="標準 3 4 5 6 3 2" xfId="4854"/>
    <cellStyle name="標準 3 4 5 6 3 3" xfId="7806"/>
    <cellStyle name="標準 3 4 5 6 3_原油高騰等の影響業種" xfId="10815"/>
    <cellStyle name="標準 3 4 5 6 4" xfId="2640"/>
    <cellStyle name="標準 3 4 5 6 4 2" xfId="5592"/>
    <cellStyle name="標準 3 4 5 6 4 3" xfId="8544"/>
    <cellStyle name="標準 3 4 5 6 4_原油高騰等の影響業種" xfId="10816"/>
    <cellStyle name="標準 3 4 5 6 5" xfId="3378"/>
    <cellStyle name="標準 3 4 5 6 6" xfId="6330"/>
    <cellStyle name="標準 3 4 5 6_原油高騰等の影響業種" xfId="10813"/>
    <cellStyle name="標準 3 4 5 7" xfId="795"/>
    <cellStyle name="標準 3 4 5 7 2" xfId="3747"/>
    <cellStyle name="標準 3 4 5 7 3" xfId="6699"/>
    <cellStyle name="標準 3 4 5 7_原油高騰等の影響業種" xfId="10817"/>
    <cellStyle name="標準 3 4 5 8" xfId="1533"/>
    <cellStyle name="標準 3 4 5 8 2" xfId="4485"/>
    <cellStyle name="標準 3 4 5 8 3" xfId="7437"/>
    <cellStyle name="標準 3 4 5 8_原油高騰等の影響業種" xfId="10818"/>
    <cellStyle name="標準 3 4 5 9" xfId="2271"/>
    <cellStyle name="標準 3 4 5 9 2" xfId="5223"/>
    <cellStyle name="標準 3 4 5 9 3" xfId="8175"/>
    <cellStyle name="標準 3 4 5 9_原油高騰等の影響業種" xfId="10819"/>
    <cellStyle name="標準 3 4 5_原油高騰等の影響業種" xfId="10756"/>
    <cellStyle name="標準 3 4 6" xfId="62"/>
    <cellStyle name="標準 3 4 6 2" xfId="242"/>
    <cellStyle name="標準 3 4 6 2 2" xfId="615"/>
    <cellStyle name="標準 3 4 6 2 2 2" xfId="1353"/>
    <cellStyle name="標準 3 4 6 2 2 2 2" xfId="4305"/>
    <cellStyle name="標準 3 4 6 2 2 2 3" xfId="7257"/>
    <cellStyle name="標準 3 4 6 2 2 2_原油高騰等の影響業種" xfId="10823"/>
    <cellStyle name="標準 3 4 6 2 2 3" xfId="2091"/>
    <cellStyle name="標準 3 4 6 2 2 3 2" xfId="5043"/>
    <cellStyle name="標準 3 4 6 2 2 3 3" xfId="7995"/>
    <cellStyle name="標準 3 4 6 2 2 3_原油高騰等の影響業種" xfId="10824"/>
    <cellStyle name="標準 3 4 6 2 2 4" xfId="2829"/>
    <cellStyle name="標準 3 4 6 2 2 4 2" xfId="5781"/>
    <cellStyle name="標準 3 4 6 2 2 4 3" xfId="8733"/>
    <cellStyle name="標準 3 4 6 2 2 4_原油高騰等の影響業種" xfId="10825"/>
    <cellStyle name="標準 3 4 6 2 2 5" xfId="3567"/>
    <cellStyle name="標準 3 4 6 2 2 6" xfId="6519"/>
    <cellStyle name="標準 3 4 6 2 2_原油高騰等の影響業種" xfId="10822"/>
    <cellStyle name="標準 3 4 6 2 3" xfId="984"/>
    <cellStyle name="標準 3 4 6 2 3 2" xfId="3936"/>
    <cellStyle name="標準 3 4 6 2 3 3" xfId="6888"/>
    <cellStyle name="標準 3 4 6 2 3_原油高騰等の影響業種" xfId="10826"/>
    <cellStyle name="標準 3 4 6 2 4" xfId="1722"/>
    <cellStyle name="標準 3 4 6 2 4 2" xfId="4674"/>
    <cellStyle name="標準 3 4 6 2 4 3" xfId="7626"/>
    <cellStyle name="標準 3 4 6 2 4_原油高騰等の影響業種" xfId="10827"/>
    <cellStyle name="標準 3 4 6 2 5" xfId="2460"/>
    <cellStyle name="標準 3 4 6 2 5 2" xfId="5412"/>
    <cellStyle name="標準 3 4 6 2 5 3" xfId="8364"/>
    <cellStyle name="標準 3 4 6 2 5_原油高騰等の影響業種" xfId="10828"/>
    <cellStyle name="標準 3 4 6 2 6" xfId="3198"/>
    <cellStyle name="標準 3 4 6 2 7" xfId="6150"/>
    <cellStyle name="標準 3 4 6 2_原油高騰等の影響業種" xfId="10821"/>
    <cellStyle name="標準 3 4 6 3" xfId="435"/>
    <cellStyle name="標準 3 4 6 3 2" xfId="1173"/>
    <cellStyle name="標準 3 4 6 3 2 2" xfId="4125"/>
    <cellStyle name="標準 3 4 6 3 2 3" xfId="7077"/>
    <cellStyle name="標準 3 4 6 3 2_原油高騰等の影響業種" xfId="10830"/>
    <cellStyle name="標準 3 4 6 3 3" xfId="1911"/>
    <cellStyle name="標準 3 4 6 3 3 2" xfId="4863"/>
    <cellStyle name="標準 3 4 6 3 3 3" xfId="7815"/>
    <cellStyle name="標準 3 4 6 3 3_原油高騰等の影響業種" xfId="10831"/>
    <cellStyle name="標準 3 4 6 3 4" xfId="2649"/>
    <cellStyle name="標準 3 4 6 3 4 2" xfId="5601"/>
    <cellStyle name="標準 3 4 6 3 4 3" xfId="8553"/>
    <cellStyle name="標準 3 4 6 3 4_原油高騰等の影響業種" xfId="10832"/>
    <cellStyle name="標準 3 4 6 3 5" xfId="3387"/>
    <cellStyle name="標準 3 4 6 3 6" xfId="6339"/>
    <cellStyle name="標準 3 4 6 3_原油高騰等の影響業種" xfId="10829"/>
    <cellStyle name="標準 3 4 6 4" xfId="804"/>
    <cellStyle name="標準 3 4 6 4 2" xfId="3756"/>
    <cellStyle name="標準 3 4 6 4 3" xfId="6708"/>
    <cellStyle name="標準 3 4 6 4_原油高騰等の影響業種" xfId="10833"/>
    <cellStyle name="標準 3 4 6 5" xfId="1542"/>
    <cellStyle name="標準 3 4 6 5 2" xfId="4494"/>
    <cellStyle name="標準 3 4 6 5 3" xfId="7446"/>
    <cellStyle name="標準 3 4 6 5_原油高騰等の影響業種" xfId="10834"/>
    <cellStyle name="標準 3 4 6 6" xfId="2280"/>
    <cellStyle name="標準 3 4 6 6 2" xfId="5232"/>
    <cellStyle name="標準 3 4 6 6 3" xfId="8184"/>
    <cellStyle name="標準 3 4 6 6_原油高騰等の影響業種" xfId="10835"/>
    <cellStyle name="標準 3 4 6 7" xfId="3018"/>
    <cellStyle name="標準 3 4 6 8" xfId="5970"/>
    <cellStyle name="標準 3 4 6_原油高騰等の影響業種" xfId="10820"/>
    <cellStyle name="標準 3 4 7" xfId="107"/>
    <cellStyle name="標準 3 4 7 2" xfId="287"/>
    <cellStyle name="標準 3 4 7 2 2" xfId="660"/>
    <cellStyle name="標準 3 4 7 2 2 2" xfId="1398"/>
    <cellStyle name="標準 3 4 7 2 2 2 2" xfId="4350"/>
    <cellStyle name="標準 3 4 7 2 2 2 3" xfId="7302"/>
    <cellStyle name="標準 3 4 7 2 2 2_原油高騰等の影響業種" xfId="10839"/>
    <cellStyle name="標準 3 4 7 2 2 3" xfId="2136"/>
    <cellStyle name="標準 3 4 7 2 2 3 2" xfId="5088"/>
    <cellStyle name="標準 3 4 7 2 2 3 3" xfId="8040"/>
    <cellStyle name="標準 3 4 7 2 2 3_原油高騰等の影響業種" xfId="10840"/>
    <cellStyle name="標準 3 4 7 2 2 4" xfId="2874"/>
    <cellStyle name="標準 3 4 7 2 2 4 2" xfId="5826"/>
    <cellStyle name="標準 3 4 7 2 2 4 3" xfId="8778"/>
    <cellStyle name="標準 3 4 7 2 2 4_原油高騰等の影響業種" xfId="10841"/>
    <cellStyle name="標準 3 4 7 2 2 5" xfId="3612"/>
    <cellStyle name="標準 3 4 7 2 2 6" xfId="6564"/>
    <cellStyle name="標準 3 4 7 2 2_原油高騰等の影響業種" xfId="10838"/>
    <cellStyle name="標準 3 4 7 2 3" xfId="1029"/>
    <cellStyle name="標準 3 4 7 2 3 2" xfId="3981"/>
    <cellStyle name="標準 3 4 7 2 3 3" xfId="6933"/>
    <cellStyle name="標準 3 4 7 2 3_原油高騰等の影響業種" xfId="10842"/>
    <cellStyle name="標準 3 4 7 2 4" xfId="1767"/>
    <cellStyle name="標準 3 4 7 2 4 2" xfId="4719"/>
    <cellStyle name="標準 3 4 7 2 4 3" xfId="7671"/>
    <cellStyle name="標準 3 4 7 2 4_原油高騰等の影響業種" xfId="10843"/>
    <cellStyle name="標準 3 4 7 2 5" xfId="2505"/>
    <cellStyle name="標準 3 4 7 2 5 2" xfId="5457"/>
    <cellStyle name="標準 3 4 7 2 5 3" xfId="8409"/>
    <cellStyle name="標準 3 4 7 2 5_原油高騰等の影響業種" xfId="10844"/>
    <cellStyle name="標準 3 4 7 2 6" xfId="3243"/>
    <cellStyle name="標準 3 4 7 2 7" xfId="6195"/>
    <cellStyle name="標準 3 4 7 2_原油高騰等の影響業種" xfId="10837"/>
    <cellStyle name="標準 3 4 7 3" xfId="480"/>
    <cellStyle name="標準 3 4 7 3 2" xfId="1218"/>
    <cellStyle name="標準 3 4 7 3 2 2" xfId="4170"/>
    <cellStyle name="標準 3 4 7 3 2 3" xfId="7122"/>
    <cellStyle name="標準 3 4 7 3 2_原油高騰等の影響業種" xfId="10846"/>
    <cellStyle name="標準 3 4 7 3 3" xfId="1956"/>
    <cellStyle name="標準 3 4 7 3 3 2" xfId="4908"/>
    <cellStyle name="標準 3 4 7 3 3 3" xfId="7860"/>
    <cellStyle name="標準 3 4 7 3 3_原油高騰等の影響業種" xfId="10847"/>
    <cellStyle name="標準 3 4 7 3 4" xfId="2694"/>
    <cellStyle name="標準 3 4 7 3 4 2" xfId="5646"/>
    <cellStyle name="標準 3 4 7 3 4 3" xfId="8598"/>
    <cellStyle name="標準 3 4 7 3 4_原油高騰等の影響業種" xfId="10848"/>
    <cellStyle name="標準 3 4 7 3 5" xfId="3432"/>
    <cellStyle name="標準 3 4 7 3 6" xfId="6384"/>
    <cellStyle name="標準 3 4 7 3_原油高騰等の影響業種" xfId="10845"/>
    <cellStyle name="標準 3 4 7 4" xfId="849"/>
    <cellStyle name="標準 3 4 7 4 2" xfId="3801"/>
    <cellStyle name="標準 3 4 7 4 3" xfId="6753"/>
    <cellStyle name="標準 3 4 7 4_原油高騰等の影響業種" xfId="10849"/>
    <cellStyle name="標準 3 4 7 5" xfId="1587"/>
    <cellStyle name="標準 3 4 7 5 2" xfId="4539"/>
    <cellStyle name="標準 3 4 7 5 3" xfId="7491"/>
    <cellStyle name="標準 3 4 7 5_原油高騰等の影響業種" xfId="10850"/>
    <cellStyle name="標準 3 4 7 6" xfId="2325"/>
    <cellStyle name="標準 3 4 7 6 2" xfId="5277"/>
    <cellStyle name="標準 3 4 7 6 3" xfId="8229"/>
    <cellStyle name="標準 3 4 7 6_原油高騰等の影響業種" xfId="10851"/>
    <cellStyle name="標準 3 4 7 7" xfId="3063"/>
    <cellStyle name="標準 3 4 7 8" xfId="6015"/>
    <cellStyle name="標準 3 4 7_原油高騰等の影響業種" xfId="10836"/>
    <cellStyle name="標準 3 4 8" xfId="152"/>
    <cellStyle name="標準 3 4 8 2" xfId="332"/>
    <cellStyle name="標準 3 4 8 2 2" xfId="705"/>
    <cellStyle name="標準 3 4 8 2 2 2" xfId="1443"/>
    <cellStyle name="標準 3 4 8 2 2 2 2" xfId="4395"/>
    <cellStyle name="標準 3 4 8 2 2 2 3" xfId="7347"/>
    <cellStyle name="標準 3 4 8 2 2 2_原油高騰等の影響業種" xfId="10855"/>
    <cellStyle name="標準 3 4 8 2 2 3" xfId="2181"/>
    <cellStyle name="標準 3 4 8 2 2 3 2" xfId="5133"/>
    <cellStyle name="標準 3 4 8 2 2 3 3" xfId="8085"/>
    <cellStyle name="標準 3 4 8 2 2 3_原油高騰等の影響業種" xfId="10856"/>
    <cellStyle name="標準 3 4 8 2 2 4" xfId="2919"/>
    <cellStyle name="標準 3 4 8 2 2 4 2" xfId="5871"/>
    <cellStyle name="標準 3 4 8 2 2 4 3" xfId="8823"/>
    <cellStyle name="標準 3 4 8 2 2 4_原油高騰等の影響業種" xfId="10857"/>
    <cellStyle name="標準 3 4 8 2 2 5" xfId="3657"/>
    <cellStyle name="標準 3 4 8 2 2 6" xfId="6609"/>
    <cellStyle name="標準 3 4 8 2 2_原油高騰等の影響業種" xfId="10854"/>
    <cellStyle name="標準 3 4 8 2 3" xfId="1074"/>
    <cellStyle name="標準 3 4 8 2 3 2" xfId="4026"/>
    <cellStyle name="標準 3 4 8 2 3 3" xfId="6978"/>
    <cellStyle name="標準 3 4 8 2 3_原油高騰等の影響業種" xfId="10858"/>
    <cellStyle name="標準 3 4 8 2 4" xfId="1812"/>
    <cellStyle name="標準 3 4 8 2 4 2" xfId="4764"/>
    <cellStyle name="標準 3 4 8 2 4 3" xfId="7716"/>
    <cellStyle name="標準 3 4 8 2 4_原油高騰等の影響業種" xfId="10859"/>
    <cellStyle name="標準 3 4 8 2 5" xfId="2550"/>
    <cellStyle name="標準 3 4 8 2 5 2" xfId="5502"/>
    <cellStyle name="標準 3 4 8 2 5 3" xfId="8454"/>
    <cellStyle name="標準 3 4 8 2 5_原油高騰等の影響業種" xfId="10860"/>
    <cellStyle name="標準 3 4 8 2 6" xfId="3288"/>
    <cellStyle name="標準 3 4 8 2 7" xfId="6240"/>
    <cellStyle name="標準 3 4 8 2_原油高騰等の影響業種" xfId="10853"/>
    <cellStyle name="標準 3 4 8 3" xfId="525"/>
    <cellStyle name="標準 3 4 8 3 2" xfId="1263"/>
    <cellStyle name="標準 3 4 8 3 2 2" xfId="4215"/>
    <cellStyle name="標準 3 4 8 3 2 3" xfId="7167"/>
    <cellStyle name="標準 3 4 8 3 2_原油高騰等の影響業種" xfId="10862"/>
    <cellStyle name="標準 3 4 8 3 3" xfId="2001"/>
    <cellStyle name="標準 3 4 8 3 3 2" xfId="4953"/>
    <cellStyle name="標準 3 4 8 3 3 3" xfId="7905"/>
    <cellStyle name="標準 3 4 8 3 3_原油高騰等の影響業種" xfId="10863"/>
    <cellStyle name="標準 3 4 8 3 4" xfId="2739"/>
    <cellStyle name="標準 3 4 8 3 4 2" xfId="5691"/>
    <cellStyle name="標準 3 4 8 3 4 3" xfId="8643"/>
    <cellStyle name="標準 3 4 8 3 4_原油高騰等の影響業種" xfId="10864"/>
    <cellStyle name="標準 3 4 8 3 5" xfId="3477"/>
    <cellStyle name="標準 3 4 8 3 6" xfId="6429"/>
    <cellStyle name="標準 3 4 8 3_原油高騰等の影響業種" xfId="10861"/>
    <cellStyle name="標準 3 4 8 4" xfId="894"/>
    <cellStyle name="標準 3 4 8 4 2" xfId="3846"/>
    <cellStyle name="標準 3 4 8 4 3" xfId="6798"/>
    <cellStyle name="標準 3 4 8 4_原油高騰等の影響業種" xfId="10865"/>
    <cellStyle name="標準 3 4 8 5" xfId="1632"/>
    <cellStyle name="標準 3 4 8 5 2" xfId="4584"/>
    <cellStyle name="標準 3 4 8 5 3" xfId="7536"/>
    <cellStyle name="標準 3 4 8 5_原油高騰等の影響業種" xfId="10866"/>
    <cellStyle name="標準 3 4 8 6" xfId="2370"/>
    <cellStyle name="標準 3 4 8 6 2" xfId="5322"/>
    <cellStyle name="標準 3 4 8 6 3" xfId="8274"/>
    <cellStyle name="標準 3 4 8 6_原油高騰等の影響業種" xfId="10867"/>
    <cellStyle name="標準 3 4 8 7" xfId="3108"/>
    <cellStyle name="標準 3 4 8 8" xfId="6060"/>
    <cellStyle name="標準 3 4 8_原油高騰等の影響業種" xfId="10852"/>
    <cellStyle name="標準 3 4 9" xfId="197"/>
    <cellStyle name="標準 3 4 9 2" xfId="570"/>
    <cellStyle name="標準 3 4 9 2 2" xfId="1308"/>
    <cellStyle name="標準 3 4 9 2 2 2" xfId="4260"/>
    <cellStyle name="標準 3 4 9 2 2 3" xfId="7212"/>
    <cellStyle name="標準 3 4 9 2 2_原油高騰等の影響業種" xfId="10870"/>
    <cellStyle name="標準 3 4 9 2 3" xfId="2046"/>
    <cellStyle name="標準 3 4 9 2 3 2" xfId="4998"/>
    <cellStyle name="標準 3 4 9 2 3 3" xfId="7950"/>
    <cellStyle name="標準 3 4 9 2 3_原油高騰等の影響業種" xfId="10871"/>
    <cellStyle name="標準 3 4 9 2 4" xfId="2784"/>
    <cellStyle name="標準 3 4 9 2 4 2" xfId="5736"/>
    <cellStyle name="標準 3 4 9 2 4 3" xfId="8688"/>
    <cellStyle name="標準 3 4 9 2 4_原油高騰等の影響業種" xfId="10872"/>
    <cellStyle name="標準 3 4 9 2 5" xfId="3522"/>
    <cellStyle name="標準 3 4 9 2 6" xfId="6474"/>
    <cellStyle name="標準 3 4 9 2_原油高騰等の影響業種" xfId="10869"/>
    <cellStyle name="標準 3 4 9 3" xfId="939"/>
    <cellStyle name="標準 3 4 9 3 2" xfId="3891"/>
    <cellStyle name="標準 3 4 9 3 3" xfId="6843"/>
    <cellStyle name="標準 3 4 9 3_原油高騰等の影響業種" xfId="10873"/>
    <cellStyle name="標準 3 4 9 4" xfId="1677"/>
    <cellStyle name="標準 3 4 9 4 2" xfId="4629"/>
    <cellStyle name="標準 3 4 9 4 3" xfId="7581"/>
    <cellStyle name="標準 3 4 9 4_原油高騰等の影響業種" xfId="10874"/>
    <cellStyle name="標準 3 4 9 5" xfId="2415"/>
    <cellStyle name="標準 3 4 9 5 2" xfId="5367"/>
    <cellStyle name="標準 3 4 9 5 3" xfId="8319"/>
    <cellStyle name="標準 3 4 9 5_原油高騰等の影響業種" xfId="10875"/>
    <cellStyle name="標準 3 4 9 6" xfId="3153"/>
    <cellStyle name="標準 3 4 9 7" xfId="6105"/>
    <cellStyle name="標準 3 4 9_原油高騰等の影響業種" xfId="10868"/>
    <cellStyle name="標準 3 4_原油高騰等の影響業種" xfId="10236"/>
    <cellStyle name="標準 3 5" xfId="19"/>
    <cellStyle name="標準 3 5 10" xfId="761"/>
    <cellStyle name="標準 3 5 10 2" xfId="3713"/>
    <cellStyle name="標準 3 5 10 3" xfId="6665"/>
    <cellStyle name="標準 3 5 10_原油高騰等の影響業種" xfId="10877"/>
    <cellStyle name="標準 3 5 11" xfId="1499"/>
    <cellStyle name="標準 3 5 11 2" xfId="4451"/>
    <cellStyle name="標準 3 5 11 3" xfId="7403"/>
    <cellStyle name="標準 3 5 11_原油高騰等の影響業種" xfId="10878"/>
    <cellStyle name="標準 3 5 12" xfId="2237"/>
    <cellStyle name="標準 3 5 12 2" xfId="5189"/>
    <cellStyle name="標準 3 5 12 3" xfId="8141"/>
    <cellStyle name="標準 3 5 12_原油高騰等の影響業種" xfId="10879"/>
    <cellStyle name="標準 3 5 13" xfId="2975"/>
    <cellStyle name="標準 3 5 14" xfId="5927"/>
    <cellStyle name="標準 3 5 2" xfId="28"/>
    <cellStyle name="標準 3 5 2 10" xfId="2246"/>
    <cellStyle name="標準 3 5 2 10 2" xfId="5198"/>
    <cellStyle name="標準 3 5 2 10 3" xfId="8150"/>
    <cellStyle name="標準 3 5 2 10_原油高騰等の影響業種" xfId="10881"/>
    <cellStyle name="標準 3 5 2 11" xfId="2984"/>
    <cellStyle name="標準 3 5 2 12" xfId="5936"/>
    <cellStyle name="標準 3 5 2 2" xfId="46"/>
    <cellStyle name="標準 3 5 2 2 10" xfId="3002"/>
    <cellStyle name="標準 3 5 2 2 11" xfId="5954"/>
    <cellStyle name="標準 3 5 2 2 2" xfId="91"/>
    <cellStyle name="標準 3 5 2 2 2 2" xfId="271"/>
    <cellStyle name="標準 3 5 2 2 2 2 2" xfId="644"/>
    <cellStyle name="標準 3 5 2 2 2 2 2 2" xfId="1382"/>
    <cellStyle name="標準 3 5 2 2 2 2 2 2 2" xfId="4334"/>
    <cellStyle name="標準 3 5 2 2 2 2 2 2 3" xfId="7286"/>
    <cellStyle name="標準 3 5 2 2 2 2 2 2_原油高騰等の影響業種" xfId="10886"/>
    <cellStyle name="標準 3 5 2 2 2 2 2 3" xfId="2120"/>
    <cellStyle name="標準 3 5 2 2 2 2 2 3 2" xfId="5072"/>
    <cellStyle name="標準 3 5 2 2 2 2 2 3 3" xfId="8024"/>
    <cellStyle name="標準 3 5 2 2 2 2 2 3_原油高騰等の影響業種" xfId="10887"/>
    <cellStyle name="標準 3 5 2 2 2 2 2 4" xfId="2858"/>
    <cellStyle name="標準 3 5 2 2 2 2 2 4 2" xfId="5810"/>
    <cellStyle name="標準 3 5 2 2 2 2 2 4 3" xfId="8762"/>
    <cellStyle name="標準 3 5 2 2 2 2 2 4_原油高騰等の影響業種" xfId="10888"/>
    <cellStyle name="標準 3 5 2 2 2 2 2 5" xfId="3596"/>
    <cellStyle name="標準 3 5 2 2 2 2 2 6" xfId="6548"/>
    <cellStyle name="標準 3 5 2 2 2 2 2_原油高騰等の影響業種" xfId="10885"/>
    <cellStyle name="標準 3 5 2 2 2 2 3" xfId="1013"/>
    <cellStyle name="標準 3 5 2 2 2 2 3 2" xfId="3965"/>
    <cellStyle name="標準 3 5 2 2 2 2 3 3" xfId="6917"/>
    <cellStyle name="標準 3 5 2 2 2 2 3_原油高騰等の影響業種" xfId="10889"/>
    <cellStyle name="標準 3 5 2 2 2 2 4" xfId="1751"/>
    <cellStyle name="標準 3 5 2 2 2 2 4 2" xfId="4703"/>
    <cellStyle name="標準 3 5 2 2 2 2 4 3" xfId="7655"/>
    <cellStyle name="標準 3 5 2 2 2 2 4_原油高騰等の影響業種" xfId="10890"/>
    <cellStyle name="標準 3 5 2 2 2 2 5" xfId="2489"/>
    <cellStyle name="標準 3 5 2 2 2 2 5 2" xfId="5441"/>
    <cellStyle name="標準 3 5 2 2 2 2 5 3" xfId="8393"/>
    <cellStyle name="標準 3 5 2 2 2 2 5_原油高騰等の影響業種" xfId="10891"/>
    <cellStyle name="標準 3 5 2 2 2 2 6" xfId="3227"/>
    <cellStyle name="標準 3 5 2 2 2 2 7" xfId="6179"/>
    <cellStyle name="標準 3 5 2 2 2 2_原油高騰等の影響業種" xfId="10884"/>
    <cellStyle name="標準 3 5 2 2 2 3" xfId="464"/>
    <cellStyle name="標準 3 5 2 2 2 3 2" xfId="1202"/>
    <cellStyle name="標準 3 5 2 2 2 3 2 2" xfId="4154"/>
    <cellStyle name="標準 3 5 2 2 2 3 2 3" xfId="7106"/>
    <cellStyle name="標準 3 5 2 2 2 3 2_原油高騰等の影響業種" xfId="10893"/>
    <cellStyle name="標準 3 5 2 2 2 3 3" xfId="1940"/>
    <cellStyle name="標準 3 5 2 2 2 3 3 2" xfId="4892"/>
    <cellStyle name="標準 3 5 2 2 2 3 3 3" xfId="7844"/>
    <cellStyle name="標準 3 5 2 2 2 3 3_原油高騰等の影響業種" xfId="10894"/>
    <cellStyle name="標準 3 5 2 2 2 3 4" xfId="2678"/>
    <cellStyle name="標準 3 5 2 2 2 3 4 2" xfId="5630"/>
    <cellStyle name="標準 3 5 2 2 2 3 4 3" xfId="8582"/>
    <cellStyle name="標準 3 5 2 2 2 3 4_原油高騰等の影響業種" xfId="10895"/>
    <cellStyle name="標準 3 5 2 2 2 3 5" xfId="3416"/>
    <cellStyle name="標準 3 5 2 2 2 3 6" xfId="6368"/>
    <cellStyle name="標準 3 5 2 2 2 3_原油高騰等の影響業種" xfId="10892"/>
    <cellStyle name="標準 3 5 2 2 2 4" xfId="833"/>
    <cellStyle name="標準 3 5 2 2 2 4 2" xfId="3785"/>
    <cellStyle name="標準 3 5 2 2 2 4 3" xfId="6737"/>
    <cellStyle name="標準 3 5 2 2 2 4_原油高騰等の影響業種" xfId="10896"/>
    <cellStyle name="標準 3 5 2 2 2 5" xfId="1571"/>
    <cellStyle name="標準 3 5 2 2 2 5 2" xfId="4523"/>
    <cellStyle name="標準 3 5 2 2 2 5 3" xfId="7475"/>
    <cellStyle name="標準 3 5 2 2 2 5_原油高騰等の影響業種" xfId="10897"/>
    <cellStyle name="標準 3 5 2 2 2 6" xfId="2309"/>
    <cellStyle name="標準 3 5 2 2 2 6 2" xfId="5261"/>
    <cellStyle name="標準 3 5 2 2 2 6 3" xfId="8213"/>
    <cellStyle name="標準 3 5 2 2 2 6_原油高騰等の影響業種" xfId="10898"/>
    <cellStyle name="標準 3 5 2 2 2 7" xfId="3047"/>
    <cellStyle name="標準 3 5 2 2 2 8" xfId="5999"/>
    <cellStyle name="標準 3 5 2 2 2_原油高騰等の影響業種" xfId="10883"/>
    <cellStyle name="標準 3 5 2 2 3" xfId="136"/>
    <cellStyle name="標準 3 5 2 2 3 2" xfId="316"/>
    <cellStyle name="標準 3 5 2 2 3 2 2" xfId="689"/>
    <cellStyle name="標準 3 5 2 2 3 2 2 2" xfId="1427"/>
    <cellStyle name="標準 3 5 2 2 3 2 2 2 2" xfId="4379"/>
    <cellStyle name="標準 3 5 2 2 3 2 2 2 3" xfId="7331"/>
    <cellStyle name="標準 3 5 2 2 3 2 2 2_原油高騰等の影響業種" xfId="10902"/>
    <cellStyle name="標準 3 5 2 2 3 2 2 3" xfId="2165"/>
    <cellStyle name="標準 3 5 2 2 3 2 2 3 2" xfId="5117"/>
    <cellStyle name="標準 3 5 2 2 3 2 2 3 3" xfId="8069"/>
    <cellStyle name="標準 3 5 2 2 3 2 2 3_原油高騰等の影響業種" xfId="10903"/>
    <cellStyle name="標準 3 5 2 2 3 2 2 4" xfId="2903"/>
    <cellStyle name="標準 3 5 2 2 3 2 2 4 2" xfId="5855"/>
    <cellStyle name="標準 3 5 2 2 3 2 2 4 3" xfId="8807"/>
    <cellStyle name="標準 3 5 2 2 3 2 2 4_原油高騰等の影響業種" xfId="10904"/>
    <cellStyle name="標準 3 5 2 2 3 2 2 5" xfId="3641"/>
    <cellStyle name="標準 3 5 2 2 3 2 2 6" xfId="6593"/>
    <cellStyle name="標準 3 5 2 2 3 2 2_原油高騰等の影響業種" xfId="10901"/>
    <cellStyle name="標準 3 5 2 2 3 2 3" xfId="1058"/>
    <cellStyle name="標準 3 5 2 2 3 2 3 2" xfId="4010"/>
    <cellStyle name="標準 3 5 2 2 3 2 3 3" xfId="6962"/>
    <cellStyle name="標準 3 5 2 2 3 2 3_原油高騰等の影響業種" xfId="10905"/>
    <cellStyle name="標準 3 5 2 2 3 2 4" xfId="1796"/>
    <cellStyle name="標準 3 5 2 2 3 2 4 2" xfId="4748"/>
    <cellStyle name="標準 3 5 2 2 3 2 4 3" xfId="7700"/>
    <cellStyle name="標準 3 5 2 2 3 2 4_原油高騰等の影響業種" xfId="10906"/>
    <cellStyle name="標準 3 5 2 2 3 2 5" xfId="2534"/>
    <cellStyle name="標準 3 5 2 2 3 2 5 2" xfId="5486"/>
    <cellStyle name="標準 3 5 2 2 3 2 5 3" xfId="8438"/>
    <cellStyle name="標準 3 5 2 2 3 2 5_原油高騰等の影響業種" xfId="10907"/>
    <cellStyle name="標準 3 5 2 2 3 2 6" xfId="3272"/>
    <cellStyle name="標準 3 5 2 2 3 2 7" xfId="6224"/>
    <cellStyle name="標準 3 5 2 2 3 2_原油高騰等の影響業種" xfId="10900"/>
    <cellStyle name="標準 3 5 2 2 3 3" xfId="509"/>
    <cellStyle name="標準 3 5 2 2 3 3 2" xfId="1247"/>
    <cellStyle name="標準 3 5 2 2 3 3 2 2" xfId="4199"/>
    <cellStyle name="標準 3 5 2 2 3 3 2 3" xfId="7151"/>
    <cellStyle name="標準 3 5 2 2 3 3 2_原油高騰等の影響業種" xfId="10909"/>
    <cellStyle name="標準 3 5 2 2 3 3 3" xfId="1985"/>
    <cellStyle name="標準 3 5 2 2 3 3 3 2" xfId="4937"/>
    <cellStyle name="標準 3 5 2 2 3 3 3 3" xfId="7889"/>
    <cellStyle name="標準 3 5 2 2 3 3 3_原油高騰等の影響業種" xfId="10910"/>
    <cellStyle name="標準 3 5 2 2 3 3 4" xfId="2723"/>
    <cellStyle name="標準 3 5 2 2 3 3 4 2" xfId="5675"/>
    <cellStyle name="標準 3 5 2 2 3 3 4 3" xfId="8627"/>
    <cellStyle name="標準 3 5 2 2 3 3 4_原油高騰等の影響業種" xfId="10911"/>
    <cellStyle name="標準 3 5 2 2 3 3 5" xfId="3461"/>
    <cellStyle name="標準 3 5 2 2 3 3 6" xfId="6413"/>
    <cellStyle name="標準 3 5 2 2 3 3_原油高騰等の影響業種" xfId="10908"/>
    <cellStyle name="標準 3 5 2 2 3 4" xfId="878"/>
    <cellStyle name="標準 3 5 2 2 3 4 2" xfId="3830"/>
    <cellStyle name="標準 3 5 2 2 3 4 3" xfId="6782"/>
    <cellStyle name="標準 3 5 2 2 3 4_原油高騰等の影響業種" xfId="10912"/>
    <cellStyle name="標準 3 5 2 2 3 5" xfId="1616"/>
    <cellStyle name="標準 3 5 2 2 3 5 2" xfId="4568"/>
    <cellStyle name="標準 3 5 2 2 3 5 3" xfId="7520"/>
    <cellStyle name="標準 3 5 2 2 3 5_原油高騰等の影響業種" xfId="10913"/>
    <cellStyle name="標準 3 5 2 2 3 6" xfId="2354"/>
    <cellStyle name="標準 3 5 2 2 3 6 2" xfId="5306"/>
    <cellStyle name="標準 3 5 2 2 3 6 3" xfId="8258"/>
    <cellStyle name="標準 3 5 2 2 3 6_原油高騰等の影響業種" xfId="10914"/>
    <cellStyle name="標準 3 5 2 2 3 7" xfId="3092"/>
    <cellStyle name="標準 3 5 2 2 3 8" xfId="6044"/>
    <cellStyle name="標準 3 5 2 2 3_原油高騰等の影響業種" xfId="10899"/>
    <cellStyle name="標準 3 5 2 2 4" xfId="181"/>
    <cellStyle name="標準 3 5 2 2 4 2" xfId="361"/>
    <cellStyle name="標準 3 5 2 2 4 2 2" xfId="734"/>
    <cellStyle name="標準 3 5 2 2 4 2 2 2" xfId="1472"/>
    <cellStyle name="標準 3 5 2 2 4 2 2 2 2" xfId="4424"/>
    <cellStyle name="標準 3 5 2 2 4 2 2 2 3" xfId="7376"/>
    <cellStyle name="標準 3 5 2 2 4 2 2 2_原油高騰等の影響業種" xfId="10918"/>
    <cellStyle name="標準 3 5 2 2 4 2 2 3" xfId="2210"/>
    <cellStyle name="標準 3 5 2 2 4 2 2 3 2" xfId="5162"/>
    <cellStyle name="標準 3 5 2 2 4 2 2 3 3" xfId="8114"/>
    <cellStyle name="標準 3 5 2 2 4 2 2 3_原油高騰等の影響業種" xfId="10919"/>
    <cellStyle name="標準 3 5 2 2 4 2 2 4" xfId="2948"/>
    <cellStyle name="標準 3 5 2 2 4 2 2 4 2" xfId="5900"/>
    <cellStyle name="標準 3 5 2 2 4 2 2 4 3" xfId="8852"/>
    <cellStyle name="標準 3 5 2 2 4 2 2 4_原油高騰等の影響業種" xfId="10920"/>
    <cellStyle name="標準 3 5 2 2 4 2 2 5" xfId="3686"/>
    <cellStyle name="標準 3 5 2 2 4 2 2 6" xfId="6638"/>
    <cellStyle name="標準 3 5 2 2 4 2 2_原油高騰等の影響業種" xfId="10917"/>
    <cellStyle name="標準 3 5 2 2 4 2 3" xfId="1103"/>
    <cellStyle name="標準 3 5 2 2 4 2 3 2" xfId="4055"/>
    <cellStyle name="標準 3 5 2 2 4 2 3 3" xfId="7007"/>
    <cellStyle name="標準 3 5 2 2 4 2 3_原油高騰等の影響業種" xfId="10921"/>
    <cellStyle name="標準 3 5 2 2 4 2 4" xfId="1841"/>
    <cellStyle name="標準 3 5 2 2 4 2 4 2" xfId="4793"/>
    <cellStyle name="標準 3 5 2 2 4 2 4 3" xfId="7745"/>
    <cellStyle name="標準 3 5 2 2 4 2 4_原油高騰等の影響業種" xfId="10922"/>
    <cellStyle name="標準 3 5 2 2 4 2 5" xfId="2579"/>
    <cellStyle name="標準 3 5 2 2 4 2 5 2" xfId="5531"/>
    <cellStyle name="標準 3 5 2 2 4 2 5 3" xfId="8483"/>
    <cellStyle name="標準 3 5 2 2 4 2 5_原油高騰等の影響業種" xfId="10923"/>
    <cellStyle name="標準 3 5 2 2 4 2 6" xfId="3317"/>
    <cellStyle name="標準 3 5 2 2 4 2 7" xfId="6269"/>
    <cellStyle name="標準 3 5 2 2 4 2_原油高騰等の影響業種" xfId="10916"/>
    <cellStyle name="標準 3 5 2 2 4 3" xfId="554"/>
    <cellStyle name="標準 3 5 2 2 4 3 2" xfId="1292"/>
    <cellStyle name="標準 3 5 2 2 4 3 2 2" xfId="4244"/>
    <cellStyle name="標準 3 5 2 2 4 3 2 3" xfId="7196"/>
    <cellStyle name="標準 3 5 2 2 4 3 2_原油高騰等の影響業種" xfId="10925"/>
    <cellStyle name="標準 3 5 2 2 4 3 3" xfId="2030"/>
    <cellStyle name="標準 3 5 2 2 4 3 3 2" xfId="4982"/>
    <cellStyle name="標準 3 5 2 2 4 3 3 3" xfId="7934"/>
    <cellStyle name="標準 3 5 2 2 4 3 3_原油高騰等の影響業種" xfId="10926"/>
    <cellStyle name="標準 3 5 2 2 4 3 4" xfId="2768"/>
    <cellStyle name="標準 3 5 2 2 4 3 4 2" xfId="5720"/>
    <cellStyle name="標準 3 5 2 2 4 3 4 3" xfId="8672"/>
    <cellStyle name="標準 3 5 2 2 4 3 4_原油高騰等の影響業種" xfId="10927"/>
    <cellStyle name="標準 3 5 2 2 4 3 5" xfId="3506"/>
    <cellStyle name="標準 3 5 2 2 4 3 6" xfId="6458"/>
    <cellStyle name="標準 3 5 2 2 4 3_原油高騰等の影響業種" xfId="10924"/>
    <cellStyle name="標準 3 5 2 2 4 4" xfId="923"/>
    <cellStyle name="標準 3 5 2 2 4 4 2" xfId="3875"/>
    <cellStyle name="標準 3 5 2 2 4 4 3" xfId="6827"/>
    <cellStyle name="標準 3 5 2 2 4 4_原油高騰等の影響業種" xfId="10928"/>
    <cellStyle name="標準 3 5 2 2 4 5" xfId="1661"/>
    <cellStyle name="標準 3 5 2 2 4 5 2" xfId="4613"/>
    <cellStyle name="標準 3 5 2 2 4 5 3" xfId="7565"/>
    <cellStyle name="標準 3 5 2 2 4 5_原油高騰等の影響業種" xfId="10929"/>
    <cellStyle name="標準 3 5 2 2 4 6" xfId="2399"/>
    <cellStyle name="標準 3 5 2 2 4 6 2" xfId="5351"/>
    <cellStyle name="標準 3 5 2 2 4 6 3" xfId="8303"/>
    <cellStyle name="標準 3 5 2 2 4 6_原油高騰等の影響業種" xfId="10930"/>
    <cellStyle name="標準 3 5 2 2 4 7" xfId="3137"/>
    <cellStyle name="標準 3 5 2 2 4 8" xfId="6089"/>
    <cellStyle name="標準 3 5 2 2 4_原油高騰等の影響業種" xfId="10915"/>
    <cellStyle name="標準 3 5 2 2 5" xfId="226"/>
    <cellStyle name="標準 3 5 2 2 5 2" xfId="599"/>
    <cellStyle name="標準 3 5 2 2 5 2 2" xfId="1337"/>
    <cellStyle name="標準 3 5 2 2 5 2 2 2" xfId="4289"/>
    <cellStyle name="標準 3 5 2 2 5 2 2 3" xfId="7241"/>
    <cellStyle name="標準 3 5 2 2 5 2 2_原油高騰等の影響業種" xfId="10933"/>
    <cellStyle name="標準 3 5 2 2 5 2 3" xfId="2075"/>
    <cellStyle name="標準 3 5 2 2 5 2 3 2" xfId="5027"/>
    <cellStyle name="標準 3 5 2 2 5 2 3 3" xfId="7979"/>
    <cellStyle name="標準 3 5 2 2 5 2 3_原油高騰等の影響業種" xfId="10934"/>
    <cellStyle name="標準 3 5 2 2 5 2 4" xfId="2813"/>
    <cellStyle name="標準 3 5 2 2 5 2 4 2" xfId="5765"/>
    <cellStyle name="標準 3 5 2 2 5 2 4 3" xfId="8717"/>
    <cellStyle name="標準 3 5 2 2 5 2 4_原油高騰等の影響業種" xfId="10935"/>
    <cellStyle name="標準 3 5 2 2 5 2 5" xfId="3551"/>
    <cellStyle name="標準 3 5 2 2 5 2 6" xfId="6503"/>
    <cellStyle name="標準 3 5 2 2 5 2_原油高騰等の影響業種" xfId="10932"/>
    <cellStyle name="標準 3 5 2 2 5 3" xfId="968"/>
    <cellStyle name="標準 3 5 2 2 5 3 2" xfId="3920"/>
    <cellStyle name="標準 3 5 2 2 5 3 3" xfId="6872"/>
    <cellStyle name="標準 3 5 2 2 5 3_原油高騰等の影響業種" xfId="10936"/>
    <cellStyle name="標準 3 5 2 2 5 4" xfId="1706"/>
    <cellStyle name="標準 3 5 2 2 5 4 2" xfId="4658"/>
    <cellStyle name="標準 3 5 2 2 5 4 3" xfId="7610"/>
    <cellStyle name="標準 3 5 2 2 5 4_原油高騰等の影響業種" xfId="10937"/>
    <cellStyle name="標準 3 5 2 2 5 5" xfId="2444"/>
    <cellStyle name="標準 3 5 2 2 5 5 2" xfId="5396"/>
    <cellStyle name="標準 3 5 2 2 5 5 3" xfId="8348"/>
    <cellStyle name="標準 3 5 2 2 5 5_原油高騰等の影響業種" xfId="10938"/>
    <cellStyle name="標準 3 5 2 2 5 6" xfId="3182"/>
    <cellStyle name="標準 3 5 2 2 5 7" xfId="6134"/>
    <cellStyle name="標準 3 5 2 2 5_原油高騰等の影響業種" xfId="10931"/>
    <cellStyle name="標準 3 5 2 2 6" xfId="419"/>
    <cellStyle name="標準 3 5 2 2 6 2" xfId="1157"/>
    <cellStyle name="標準 3 5 2 2 6 2 2" xfId="4109"/>
    <cellStyle name="標準 3 5 2 2 6 2 3" xfId="7061"/>
    <cellStyle name="標準 3 5 2 2 6 2_原油高騰等の影響業種" xfId="10940"/>
    <cellStyle name="標準 3 5 2 2 6 3" xfId="1895"/>
    <cellStyle name="標準 3 5 2 2 6 3 2" xfId="4847"/>
    <cellStyle name="標準 3 5 2 2 6 3 3" xfId="7799"/>
    <cellStyle name="標準 3 5 2 2 6 3_原油高騰等の影響業種" xfId="10941"/>
    <cellStyle name="標準 3 5 2 2 6 4" xfId="2633"/>
    <cellStyle name="標準 3 5 2 2 6 4 2" xfId="5585"/>
    <cellStyle name="標準 3 5 2 2 6 4 3" xfId="8537"/>
    <cellStyle name="標準 3 5 2 2 6 4_原油高騰等の影響業種" xfId="10942"/>
    <cellStyle name="標準 3 5 2 2 6 5" xfId="3371"/>
    <cellStyle name="標準 3 5 2 2 6 6" xfId="6323"/>
    <cellStyle name="標準 3 5 2 2 6_原油高騰等の影響業種" xfId="10939"/>
    <cellStyle name="標準 3 5 2 2 7" xfId="788"/>
    <cellStyle name="標準 3 5 2 2 7 2" xfId="3740"/>
    <cellStyle name="標準 3 5 2 2 7 3" xfId="6692"/>
    <cellStyle name="標準 3 5 2 2 7_原油高騰等の影響業種" xfId="10943"/>
    <cellStyle name="標準 3 5 2 2 8" xfId="1526"/>
    <cellStyle name="標準 3 5 2 2 8 2" xfId="4478"/>
    <cellStyle name="標準 3 5 2 2 8 3" xfId="7430"/>
    <cellStyle name="標準 3 5 2 2 8_原油高騰等の影響業種" xfId="10944"/>
    <cellStyle name="標準 3 5 2 2 9" xfId="2264"/>
    <cellStyle name="標準 3 5 2 2 9 2" xfId="5216"/>
    <cellStyle name="標準 3 5 2 2 9 3" xfId="8168"/>
    <cellStyle name="標準 3 5 2 2 9_原油高騰等の影響業種" xfId="10945"/>
    <cellStyle name="標準 3 5 2 2_原油高騰等の影響業種" xfId="10882"/>
    <cellStyle name="標準 3 5 2 3" xfId="73"/>
    <cellStyle name="標準 3 5 2 3 2" xfId="253"/>
    <cellStyle name="標準 3 5 2 3 2 2" xfId="626"/>
    <cellStyle name="標準 3 5 2 3 2 2 2" xfId="1364"/>
    <cellStyle name="標準 3 5 2 3 2 2 2 2" xfId="4316"/>
    <cellStyle name="標準 3 5 2 3 2 2 2 3" xfId="7268"/>
    <cellStyle name="標準 3 5 2 3 2 2 2_原油高騰等の影響業種" xfId="10949"/>
    <cellStyle name="標準 3 5 2 3 2 2 3" xfId="2102"/>
    <cellStyle name="標準 3 5 2 3 2 2 3 2" xfId="5054"/>
    <cellStyle name="標準 3 5 2 3 2 2 3 3" xfId="8006"/>
    <cellStyle name="標準 3 5 2 3 2 2 3_原油高騰等の影響業種" xfId="10950"/>
    <cellStyle name="標準 3 5 2 3 2 2 4" xfId="2840"/>
    <cellStyle name="標準 3 5 2 3 2 2 4 2" xfId="5792"/>
    <cellStyle name="標準 3 5 2 3 2 2 4 3" xfId="8744"/>
    <cellStyle name="標準 3 5 2 3 2 2 4_原油高騰等の影響業種" xfId="10951"/>
    <cellStyle name="標準 3 5 2 3 2 2 5" xfId="3578"/>
    <cellStyle name="標準 3 5 2 3 2 2 6" xfId="6530"/>
    <cellStyle name="標準 3 5 2 3 2 2_原油高騰等の影響業種" xfId="10948"/>
    <cellStyle name="標準 3 5 2 3 2 3" xfId="995"/>
    <cellStyle name="標準 3 5 2 3 2 3 2" xfId="3947"/>
    <cellStyle name="標準 3 5 2 3 2 3 3" xfId="6899"/>
    <cellStyle name="標準 3 5 2 3 2 3_原油高騰等の影響業種" xfId="10952"/>
    <cellStyle name="標準 3 5 2 3 2 4" xfId="1733"/>
    <cellStyle name="標準 3 5 2 3 2 4 2" xfId="4685"/>
    <cellStyle name="標準 3 5 2 3 2 4 3" xfId="7637"/>
    <cellStyle name="標準 3 5 2 3 2 4_原油高騰等の影響業種" xfId="10953"/>
    <cellStyle name="標準 3 5 2 3 2 5" xfId="2471"/>
    <cellStyle name="標準 3 5 2 3 2 5 2" xfId="5423"/>
    <cellStyle name="標準 3 5 2 3 2 5 3" xfId="8375"/>
    <cellStyle name="標準 3 5 2 3 2 5_原油高騰等の影響業種" xfId="10954"/>
    <cellStyle name="標準 3 5 2 3 2 6" xfId="3209"/>
    <cellStyle name="標準 3 5 2 3 2 7" xfId="6161"/>
    <cellStyle name="標準 3 5 2 3 2_原油高騰等の影響業種" xfId="10947"/>
    <cellStyle name="標準 3 5 2 3 3" xfId="446"/>
    <cellStyle name="標準 3 5 2 3 3 2" xfId="1184"/>
    <cellStyle name="標準 3 5 2 3 3 2 2" xfId="4136"/>
    <cellStyle name="標準 3 5 2 3 3 2 3" xfId="7088"/>
    <cellStyle name="標準 3 5 2 3 3 2_原油高騰等の影響業種" xfId="10956"/>
    <cellStyle name="標準 3 5 2 3 3 3" xfId="1922"/>
    <cellStyle name="標準 3 5 2 3 3 3 2" xfId="4874"/>
    <cellStyle name="標準 3 5 2 3 3 3 3" xfId="7826"/>
    <cellStyle name="標準 3 5 2 3 3 3_原油高騰等の影響業種" xfId="10957"/>
    <cellStyle name="標準 3 5 2 3 3 4" xfId="2660"/>
    <cellStyle name="標準 3 5 2 3 3 4 2" xfId="5612"/>
    <cellStyle name="標準 3 5 2 3 3 4 3" xfId="8564"/>
    <cellStyle name="標準 3 5 2 3 3 4_原油高騰等の影響業種" xfId="10958"/>
    <cellStyle name="標準 3 5 2 3 3 5" xfId="3398"/>
    <cellStyle name="標準 3 5 2 3 3 6" xfId="6350"/>
    <cellStyle name="標準 3 5 2 3 3_原油高騰等の影響業種" xfId="10955"/>
    <cellStyle name="標準 3 5 2 3 4" xfId="815"/>
    <cellStyle name="標準 3 5 2 3 4 2" xfId="3767"/>
    <cellStyle name="標準 3 5 2 3 4 3" xfId="6719"/>
    <cellStyle name="標準 3 5 2 3 4_原油高騰等の影響業種" xfId="10959"/>
    <cellStyle name="標準 3 5 2 3 5" xfId="1553"/>
    <cellStyle name="標準 3 5 2 3 5 2" xfId="4505"/>
    <cellStyle name="標準 3 5 2 3 5 3" xfId="7457"/>
    <cellStyle name="標準 3 5 2 3 5_原油高騰等の影響業種" xfId="10960"/>
    <cellStyle name="標準 3 5 2 3 6" xfId="2291"/>
    <cellStyle name="標準 3 5 2 3 6 2" xfId="5243"/>
    <cellStyle name="標準 3 5 2 3 6 3" xfId="8195"/>
    <cellStyle name="標準 3 5 2 3 6_原油高騰等の影響業種" xfId="10961"/>
    <cellStyle name="標準 3 5 2 3 7" xfId="3029"/>
    <cellStyle name="標準 3 5 2 3 8" xfId="5981"/>
    <cellStyle name="標準 3 5 2 3_原油高騰等の影響業種" xfId="10946"/>
    <cellStyle name="標準 3 5 2 4" xfId="118"/>
    <cellStyle name="標準 3 5 2 4 2" xfId="298"/>
    <cellStyle name="標準 3 5 2 4 2 2" xfId="671"/>
    <cellStyle name="標準 3 5 2 4 2 2 2" xfId="1409"/>
    <cellStyle name="標準 3 5 2 4 2 2 2 2" xfId="4361"/>
    <cellStyle name="標準 3 5 2 4 2 2 2 3" xfId="7313"/>
    <cellStyle name="標準 3 5 2 4 2 2 2_原油高騰等の影響業種" xfId="10965"/>
    <cellStyle name="標準 3 5 2 4 2 2 3" xfId="2147"/>
    <cellStyle name="標準 3 5 2 4 2 2 3 2" xfId="5099"/>
    <cellStyle name="標準 3 5 2 4 2 2 3 3" xfId="8051"/>
    <cellStyle name="標準 3 5 2 4 2 2 3_原油高騰等の影響業種" xfId="10966"/>
    <cellStyle name="標準 3 5 2 4 2 2 4" xfId="2885"/>
    <cellStyle name="標準 3 5 2 4 2 2 4 2" xfId="5837"/>
    <cellStyle name="標準 3 5 2 4 2 2 4 3" xfId="8789"/>
    <cellStyle name="標準 3 5 2 4 2 2 4_原油高騰等の影響業種" xfId="10967"/>
    <cellStyle name="標準 3 5 2 4 2 2 5" xfId="3623"/>
    <cellStyle name="標準 3 5 2 4 2 2 6" xfId="6575"/>
    <cellStyle name="標準 3 5 2 4 2 2_原油高騰等の影響業種" xfId="10964"/>
    <cellStyle name="標準 3 5 2 4 2 3" xfId="1040"/>
    <cellStyle name="標準 3 5 2 4 2 3 2" xfId="3992"/>
    <cellStyle name="標準 3 5 2 4 2 3 3" xfId="6944"/>
    <cellStyle name="標準 3 5 2 4 2 3_原油高騰等の影響業種" xfId="10968"/>
    <cellStyle name="標準 3 5 2 4 2 4" xfId="1778"/>
    <cellStyle name="標準 3 5 2 4 2 4 2" xfId="4730"/>
    <cellStyle name="標準 3 5 2 4 2 4 3" xfId="7682"/>
    <cellStyle name="標準 3 5 2 4 2 4_原油高騰等の影響業種" xfId="10969"/>
    <cellStyle name="標準 3 5 2 4 2 5" xfId="2516"/>
    <cellStyle name="標準 3 5 2 4 2 5 2" xfId="5468"/>
    <cellStyle name="標準 3 5 2 4 2 5 3" xfId="8420"/>
    <cellStyle name="標準 3 5 2 4 2 5_原油高騰等の影響業種" xfId="10970"/>
    <cellStyle name="標準 3 5 2 4 2 6" xfId="3254"/>
    <cellStyle name="標準 3 5 2 4 2 7" xfId="6206"/>
    <cellStyle name="標準 3 5 2 4 2_原油高騰等の影響業種" xfId="10963"/>
    <cellStyle name="標準 3 5 2 4 3" xfId="491"/>
    <cellStyle name="標準 3 5 2 4 3 2" xfId="1229"/>
    <cellStyle name="標準 3 5 2 4 3 2 2" xfId="4181"/>
    <cellStyle name="標準 3 5 2 4 3 2 3" xfId="7133"/>
    <cellStyle name="標準 3 5 2 4 3 2_原油高騰等の影響業種" xfId="10972"/>
    <cellStyle name="標準 3 5 2 4 3 3" xfId="1967"/>
    <cellStyle name="標準 3 5 2 4 3 3 2" xfId="4919"/>
    <cellStyle name="標準 3 5 2 4 3 3 3" xfId="7871"/>
    <cellStyle name="標準 3 5 2 4 3 3_原油高騰等の影響業種" xfId="10973"/>
    <cellStyle name="標準 3 5 2 4 3 4" xfId="2705"/>
    <cellStyle name="標準 3 5 2 4 3 4 2" xfId="5657"/>
    <cellStyle name="標準 3 5 2 4 3 4 3" xfId="8609"/>
    <cellStyle name="標準 3 5 2 4 3 4_原油高騰等の影響業種" xfId="10974"/>
    <cellStyle name="標準 3 5 2 4 3 5" xfId="3443"/>
    <cellStyle name="標準 3 5 2 4 3 6" xfId="6395"/>
    <cellStyle name="標準 3 5 2 4 3_原油高騰等の影響業種" xfId="10971"/>
    <cellStyle name="標準 3 5 2 4 4" xfId="860"/>
    <cellStyle name="標準 3 5 2 4 4 2" xfId="3812"/>
    <cellStyle name="標準 3 5 2 4 4 3" xfId="6764"/>
    <cellStyle name="標準 3 5 2 4 4_原油高騰等の影響業種" xfId="10975"/>
    <cellStyle name="標準 3 5 2 4 5" xfId="1598"/>
    <cellStyle name="標準 3 5 2 4 5 2" xfId="4550"/>
    <cellStyle name="標準 3 5 2 4 5 3" xfId="7502"/>
    <cellStyle name="標準 3 5 2 4 5_原油高騰等の影響業種" xfId="10976"/>
    <cellStyle name="標準 3 5 2 4 6" xfId="2336"/>
    <cellStyle name="標準 3 5 2 4 6 2" xfId="5288"/>
    <cellStyle name="標準 3 5 2 4 6 3" xfId="8240"/>
    <cellStyle name="標準 3 5 2 4 6_原油高騰等の影響業種" xfId="10977"/>
    <cellStyle name="標準 3 5 2 4 7" xfId="3074"/>
    <cellStyle name="標準 3 5 2 4 8" xfId="6026"/>
    <cellStyle name="標準 3 5 2 4_原油高騰等の影響業種" xfId="10962"/>
    <cellStyle name="標準 3 5 2 5" xfId="163"/>
    <cellStyle name="標準 3 5 2 5 2" xfId="343"/>
    <cellStyle name="標準 3 5 2 5 2 2" xfId="716"/>
    <cellStyle name="標準 3 5 2 5 2 2 2" xfId="1454"/>
    <cellStyle name="標準 3 5 2 5 2 2 2 2" xfId="4406"/>
    <cellStyle name="標準 3 5 2 5 2 2 2 3" xfId="7358"/>
    <cellStyle name="標準 3 5 2 5 2 2 2_原油高騰等の影響業種" xfId="10981"/>
    <cellStyle name="標準 3 5 2 5 2 2 3" xfId="2192"/>
    <cellStyle name="標準 3 5 2 5 2 2 3 2" xfId="5144"/>
    <cellStyle name="標準 3 5 2 5 2 2 3 3" xfId="8096"/>
    <cellStyle name="標準 3 5 2 5 2 2 3_原油高騰等の影響業種" xfId="10982"/>
    <cellStyle name="標準 3 5 2 5 2 2 4" xfId="2930"/>
    <cellStyle name="標準 3 5 2 5 2 2 4 2" xfId="5882"/>
    <cellStyle name="標準 3 5 2 5 2 2 4 3" xfId="8834"/>
    <cellStyle name="標準 3 5 2 5 2 2 4_原油高騰等の影響業種" xfId="10983"/>
    <cellStyle name="標準 3 5 2 5 2 2 5" xfId="3668"/>
    <cellStyle name="標準 3 5 2 5 2 2 6" xfId="6620"/>
    <cellStyle name="標準 3 5 2 5 2 2_原油高騰等の影響業種" xfId="10980"/>
    <cellStyle name="標準 3 5 2 5 2 3" xfId="1085"/>
    <cellStyle name="標準 3 5 2 5 2 3 2" xfId="4037"/>
    <cellStyle name="標準 3 5 2 5 2 3 3" xfId="6989"/>
    <cellStyle name="標準 3 5 2 5 2 3_原油高騰等の影響業種" xfId="10984"/>
    <cellStyle name="標準 3 5 2 5 2 4" xfId="1823"/>
    <cellStyle name="標準 3 5 2 5 2 4 2" xfId="4775"/>
    <cellStyle name="標準 3 5 2 5 2 4 3" xfId="7727"/>
    <cellStyle name="標準 3 5 2 5 2 4_原油高騰等の影響業種" xfId="10985"/>
    <cellStyle name="標準 3 5 2 5 2 5" xfId="2561"/>
    <cellStyle name="標準 3 5 2 5 2 5 2" xfId="5513"/>
    <cellStyle name="標準 3 5 2 5 2 5 3" xfId="8465"/>
    <cellStyle name="標準 3 5 2 5 2 5_原油高騰等の影響業種" xfId="10986"/>
    <cellStyle name="標準 3 5 2 5 2 6" xfId="3299"/>
    <cellStyle name="標準 3 5 2 5 2 7" xfId="6251"/>
    <cellStyle name="標準 3 5 2 5 2_原油高騰等の影響業種" xfId="10979"/>
    <cellStyle name="標準 3 5 2 5 3" xfId="536"/>
    <cellStyle name="標準 3 5 2 5 3 2" xfId="1274"/>
    <cellStyle name="標準 3 5 2 5 3 2 2" xfId="4226"/>
    <cellStyle name="標準 3 5 2 5 3 2 3" xfId="7178"/>
    <cellStyle name="標準 3 5 2 5 3 2_原油高騰等の影響業種" xfId="10988"/>
    <cellStyle name="標準 3 5 2 5 3 3" xfId="2012"/>
    <cellStyle name="標準 3 5 2 5 3 3 2" xfId="4964"/>
    <cellStyle name="標準 3 5 2 5 3 3 3" xfId="7916"/>
    <cellStyle name="標準 3 5 2 5 3 3_原油高騰等の影響業種" xfId="10989"/>
    <cellStyle name="標準 3 5 2 5 3 4" xfId="2750"/>
    <cellStyle name="標準 3 5 2 5 3 4 2" xfId="5702"/>
    <cellStyle name="標準 3 5 2 5 3 4 3" xfId="8654"/>
    <cellStyle name="標準 3 5 2 5 3 4_原油高騰等の影響業種" xfId="10990"/>
    <cellStyle name="標準 3 5 2 5 3 5" xfId="3488"/>
    <cellStyle name="標準 3 5 2 5 3 6" xfId="6440"/>
    <cellStyle name="標準 3 5 2 5 3_原油高騰等の影響業種" xfId="10987"/>
    <cellStyle name="標準 3 5 2 5 4" xfId="905"/>
    <cellStyle name="標準 3 5 2 5 4 2" xfId="3857"/>
    <cellStyle name="標準 3 5 2 5 4 3" xfId="6809"/>
    <cellStyle name="標準 3 5 2 5 4_原油高騰等の影響業種" xfId="10991"/>
    <cellStyle name="標準 3 5 2 5 5" xfId="1643"/>
    <cellStyle name="標準 3 5 2 5 5 2" xfId="4595"/>
    <cellStyle name="標準 3 5 2 5 5 3" xfId="7547"/>
    <cellStyle name="標準 3 5 2 5 5_原油高騰等の影響業種" xfId="10992"/>
    <cellStyle name="標準 3 5 2 5 6" xfId="2381"/>
    <cellStyle name="標準 3 5 2 5 6 2" xfId="5333"/>
    <cellStyle name="標準 3 5 2 5 6 3" xfId="8285"/>
    <cellStyle name="標準 3 5 2 5 6_原油高騰等の影響業種" xfId="10993"/>
    <cellStyle name="標準 3 5 2 5 7" xfId="3119"/>
    <cellStyle name="標準 3 5 2 5 8" xfId="6071"/>
    <cellStyle name="標準 3 5 2 5_原油高騰等の影響業種" xfId="10978"/>
    <cellStyle name="標準 3 5 2 6" xfId="208"/>
    <cellStyle name="標準 3 5 2 6 2" xfId="581"/>
    <cellStyle name="標準 3 5 2 6 2 2" xfId="1319"/>
    <cellStyle name="標準 3 5 2 6 2 2 2" xfId="4271"/>
    <cellStyle name="標準 3 5 2 6 2 2 3" xfId="7223"/>
    <cellStyle name="標準 3 5 2 6 2 2_原油高騰等の影響業種" xfId="10996"/>
    <cellStyle name="標準 3 5 2 6 2 3" xfId="2057"/>
    <cellStyle name="標準 3 5 2 6 2 3 2" xfId="5009"/>
    <cellStyle name="標準 3 5 2 6 2 3 3" xfId="7961"/>
    <cellStyle name="標準 3 5 2 6 2 3_原油高騰等の影響業種" xfId="10997"/>
    <cellStyle name="標準 3 5 2 6 2 4" xfId="2795"/>
    <cellStyle name="標準 3 5 2 6 2 4 2" xfId="5747"/>
    <cellStyle name="標準 3 5 2 6 2 4 3" xfId="8699"/>
    <cellStyle name="標準 3 5 2 6 2 4_原油高騰等の影響業種" xfId="10998"/>
    <cellStyle name="標準 3 5 2 6 2 5" xfId="3533"/>
    <cellStyle name="標準 3 5 2 6 2 6" xfId="6485"/>
    <cellStyle name="標準 3 5 2 6 2_原油高騰等の影響業種" xfId="10995"/>
    <cellStyle name="標準 3 5 2 6 3" xfId="950"/>
    <cellStyle name="標準 3 5 2 6 3 2" xfId="3902"/>
    <cellStyle name="標準 3 5 2 6 3 3" xfId="6854"/>
    <cellStyle name="標準 3 5 2 6 3_原油高騰等の影響業種" xfId="10999"/>
    <cellStyle name="標準 3 5 2 6 4" xfId="1688"/>
    <cellStyle name="標準 3 5 2 6 4 2" xfId="4640"/>
    <cellStyle name="標準 3 5 2 6 4 3" xfId="7592"/>
    <cellStyle name="標準 3 5 2 6 4_原油高騰等の影響業種" xfId="11000"/>
    <cellStyle name="標準 3 5 2 6 5" xfId="2426"/>
    <cellStyle name="標準 3 5 2 6 5 2" xfId="5378"/>
    <cellStyle name="標準 3 5 2 6 5 3" xfId="8330"/>
    <cellStyle name="標準 3 5 2 6 5_原油高騰等の影響業種" xfId="11001"/>
    <cellStyle name="標準 3 5 2 6 6" xfId="3164"/>
    <cellStyle name="標準 3 5 2 6 7" xfId="6116"/>
    <cellStyle name="標準 3 5 2 6_原油高騰等の影響業種" xfId="10994"/>
    <cellStyle name="標準 3 5 2 7" xfId="401"/>
    <cellStyle name="標準 3 5 2 7 2" xfId="1139"/>
    <cellStyle name="標準 3 5 2 7 2 2" xfId="4091"/>
    <cellStyle name="標準 3 5 2 7 2 3" xfId="7043"/>
    <cellStyle name="標準 3 5 2 7 2_原油高騰等の影響業種" xfId="11003"/>
    <cellStyle name="標準 3 5 2 7 3" xfId="1877"/>
    <cellStyle name="標準 3 5 2 7 3 2" xfId="4829"/>
    <cellStyle name="標準 3 5 2 7 3 3" xfId="7781"/>
    <cellStyle name="標準 3 5 2 7 3_原油高騰等の影響業種" xfId="11004"/>
    <cellStyle name="標準 3 5 2 7 4" xfId="2615"/>
    <cellStyle name="標準 3 5 2 7 4 2" xfId="5567"/>
    <cellStyle name="標準 3 5 2 7 4 3" xfId="8519"/>
    <cellStyle name="標準 3 5 2 7 4_原油高騰等の影響業種" xfId="11005"/>
    <cellStyle name="標準 3 5 2 7 5" xfId="3353"/>
    <cellStyle name="標準 3 5 2 7 6" xfId="6305"/>
    <cellStyle name="標準 3 5 2 7_原油高騰等の影響業種" xfId="11002"/>
    <cellStyle name="標準 3 5 2 8" xfId="770"/>
    <cellStyle name="標準 3 5 2 8 2" xfId="3722"/>
    <cellStyle name="標準 3 5 2 8 3" xfId="6674"/>
    <cellStyle name="標準 3 5 2 8_原油高騰等の影響業種" xfId="11006"/>
    <cellStyle name="標準 3 5 2 9" xfId="1508"/>
    <cellStyle name="標準 3 5 2 9 2" xfId="4460"/>
    <cellStyle name="標準 3 5 2 9 3" xfId="7412"/>
    <cellStyle name="標準 3 5 2 9_原油高騰等の影響業種" xfId="11007"/>
    <cellStyle name="標準 3 5 2_原油高騰等の影響業種" xfId="10880"/>
    <cellStyle name="標準 3 5 3" xfId="37"/>
    <cellStyle name="標準 3 5 3 10" xfId="2993"/>
    <cellStyle name="標準 3 5 3 11" xfId="5945"/>
    <cellStyle name="標準 3 5 3 2" xfId="82"/>
    <cellStyle name="標準 3 5 3 2 2" xfId="262"/>
    <cellStyle name="標準 3 5 3 2 2 2" xfId="635"/>
    <cellStyle name="標準 3 5 3 2 2 2 2" xfId="1373"/>
    <cellStyle name="標準 3 5 3 2 2 2 2 2" xfId="4325"/>
    <cellStyle name="標準 3 5 3 2 2 2 2 3" xfId="7277"/>
    <cellStyle name="標準 3 5 3 2 2 2 2_原油高騰等の影響業種" xfId="11012"/>
    <cellStyle name="標準 3 5 3 2 2 2 3" xfId="2111"/>
    <cellStyle name="標準 3 5 3 2 2 2 3 2" xfId="5063"/>
    <cellStyle name="標準 3 5 3 2 2 2 3 3" xfId="8015"/>
    <cellStyle name="標準 3 5 3 2 2 2 3_原油高騰等の影響業種" xfId="11013"/>
    <cellStyle name="標準 3 5 3 2 2 2 4" xfId="2849"/>
    <cellStyle name="標準 3 5 3 2 2 2 4 2" xfId="5801"/>
    <cellStyle name="標準 3 5 3 2 2 2 4 3" xfId="8753"/>
    <cellStyle name="標準 3 5 3 2 2 2 4_原油高騰等の影響業種" xfId="11014"/>
    <cellStyle name="標準 3 5 3 2 2 2 5" xfId="3587"/>
    <cellStyle name="標準 3 5 3 2 2 2 6" xfId="6539"/>
    <cellStyle name="標準 3 5 3 2 2 2_原油高騰等の影響業種" xfId="11011"/>
    <cellStyle name="標準 3 5 3 2 2 3" xfId="1004"/>
    <cellStyle name="標準 3 5 3 2 2 3 2" xfId="3956"/>
    <cellStyle name="標準 3 5 3 2 2 3 3" xfId="6908"/>
    <cellStyle name="標準 3 5 3 2 2 3_原油高騰等の影響業種" xfId="11015"/>
    <cellStyle name="標準 3 5 3 2 2 4" xfId="1742"/>
    <cellStyle name="標準 3 5 3 2 2 4 2" xfId="4694"/>
    <cellStyle name="標準 3 5 3 2 2 4 3" xfId="7646"/>
    <cellStyle name="標準 3 5 3 2 2 4_原油高騰等の影響業種" xfId="11016"/>
    <cellStyle name="標準 3 5 3 2 2 5" xfId="2480"/>
    <cellStyle name="標準 3 5 3 2 2 5 2" xfId="5432"/>
    <cellStyle name="標準 3 5 3 2 2 5 3" xfId="8384"/>
    <cellStyle name="標準 3 5 3 2 2 5_原油高騰等の影響業種" xfId="11017"/>
    <cellStyle name="標準 3 5 3 2 2 6" xfId="3218"/>
    <cellStyle name="標準 3 5 3 2 2 7" xfId="6170"/>
    <cellStyle name="標準 3 5 3 2 2_原油高騰等の影響業種" xfId="11010"/>
    <cellStyle name="標準 3 5 3 2 3" xfId="455"/>
    <cellStyle name="標準 3 5 3 2 3 2" xfId="1193"/>
    <cellStyle name="標準 3 5 3 2 3 2 2" xfId="4145"/>
    <cellStyle name="標準 3 5 3 2 3 2 3" xfId="7097"/>
    <cellStyle name="標準 3 5 3 2 3 2_原油高騰等の影響業種" xfId="11019"/>
    <cellStyle name="標準 3 5 3 2 3 3" xfId="1931"/>
    <cellStyle name="標準 3 5 3 2 3 3 2" xfId="4883"/>
    <cellStyle name="標準 3 5 3 2 3 3 3" xfId="7835"/>
    <cellStyle name="標準 3 5 3 2 3 3_原油高騰等の影響業種" xfId="11020"/>
    <cellStyle name="標準 3 5 3 2 3 4" xfId="2669"/>
    <cellStyle name="標準 3 5 3 2 3 4 2" xfId="5621"/>
    <cellStyle name="標準 3 5 3 2 3 4 3" xfId="8573"/>
    <cellStyle name="標準 3 5 3 2 3 4_原油高騰等の影響業種" xfId="11021"/>
    <cellStyle name="標準 3 5 3 2 3 5" xfId="3407"/>
    <cellStyle name="標準 3 5 3 2 3 6" xfId="6359"/>
    <cellStyle name="標準 3 5 3 2 3_原油高騰等の影響業種" xfId="11018"/>
    <cellStyle name="標準 3 5 3 2 4" xfId="824"/>
    <cellStyle name="標準 3 5 3 2 4 2" xfId="3776"/>
    <cellStyle name="標準 3 5 3 2 4 3" xfId="6728"/>
    <cellStyle name="標準 3 5 3 2 4_原油高騰等の影響業種" xfId="11022"/>
    <cellStyle name="標準 3 5 3 2 5" xfId="1562"/>
    <cellStyle name="標準 3 5 3 2 5 2" xfId="4514"/>
    <cellStyle name="標準 3 5 3 2 5 3" xfId="7466"/>
    <cellStyle name="標準 3 5 3 2 5_原油高騰等の影響業種" xfId="11023"/>
    <cellStyle name="標準 3 5 3 2 6" xfId="2300"/>
    <cellStyle name="標準 3 5 3 2 6 2" xfId="5252"/>
    <cellStyle name="標準 3 5 3 2 6 3" xfId="8204"/>
    <cellStyle name="標準 3 5 3 2 6_原油高騰等の影響業種" xfId="11024"/>
    <cellStyle name="標準 3 5 3 2 7" xfId="3038"/>
    <cellStyle name="標準 3 5 3 2 8" xfId="5990"/>
    <cellStyle name="標準 3 5 3 2_原油高騰等の影響業種" xfId="11009"/>
    <cellStyle name="標準 3 5 3 3" xfId="127"/>
    <cellStyle name="標準 3 5 3 3 2" xfId="307"/>
    <cellStyle name="標準 3 5 3 3 2 2" xfId="680"/>
    <cellStyle name="標準 3 5 3 3 2 2 2" xfId="1418"/>
    <cellStyle name="標準 3 5 3 3 2 2 2 2" xfId="4370"/>
    <cellStyle name="標準 3 5 3 3 2 2 2 3" xfId="7322"/>
    <cellStyle name="標準 3 5 3 3 2 2 2_原油高騰等の影響業種" xfId="11028"/>
    <cellStyle name="標準 3 5 3 3 2 2 3" xfId="2156"/>
    <cellStyle name="標準 3 5 3 3 2 2 3 2" xfId="5108"/>
    <cellStyle name="標準 3 5 3 3 2 2 3 3" xfId="8060"/>
    <cellStyle name="標準 3 5 3 3 2 2 3_原油高騰等の影響業種" xfId="11029"/>
    <cellStyle name="標準 3 5 3 3 2 2 4" xfId="2894"/>
    <cellStyle name="標準 3 5 3 3 2 2 4 2" xfId="5846"/>
    <cellStyle name="標準 3 5 3 3 2 2 4 3" xfId="8798"/>
    <cellStyle name="標準 3 5 3 3 2 2 4_原油高騰等の影響業種" xfId="11030"/>
    <cellStyle name="標準 3 5 3 3 2 2 5" xfId="3632"/>
    <cellStyle name="標準 3 5 3 3 2 2 6" xfId="6584"/>
    <cellStyle name="標準 3 5 3 3 2 2_原油高騰等の影響業種" xfId="11027"/>
    <cellStyle name="標準 3 5 3 3 2 3" xfId="1049"/>
    <cellStyle name="標準 3 5 3 3 2 3 2" xfId="4001"/>
    <cellStyle name="標準 3 5 3 3 2 3 3" xfId="6953"/>
    <cellStyle name="標準 3 5 3 3 2 3_原油高騰等の影響業種" xfId="11031"/>
    <cellStyle name="標準 3 5 3 3 2 4" xfId="1787"/>
    <cellStyle name="標準 3 5 3 3 2 4 2" xfId="4739"/>
    <cellStyle name="標準 3 5 3 3 2 4 3" xfId="7691"/>
    <cellStyle name="標準 3 5 3 3 2 4_原油高騰等の影響業種" xfId="11032"/>
    <cellStyle name="標準 3 5 3 3 2 5" xfId="2525"/>
    <cellStyle name="標準 3 5 3 3 2 5 2" xfId="5477"/>
    <cellStyle name="標準 3 5 3 3 2 5 3" xfId="8429"/>
    <cellStyle name="標準 3 5 3 3 2 5_原油高騰等の影響業種" xfId="11033"/>
    <cellStyle name="標準 3 5 3 3 2 6" xfId="3263"/>
    <cellStyle name="標準 3 5 3 3 2 7" xfId="6215"/>
    <cellStyle name="標準 3 5 3 3 2_原油高騰等の影響業種" xfId="11026"/>
    <cellStyle name="標準 3 5 3 3 3" xfId="500"/>
    <cellStyle name="標準 3 5 3 3 3 2" xfId="1238"/>
    <cellStyle name="標準 3 5 3 3 3 2 2" xfId="4190"/>
    <cellStyle name="標準 3 5 3 3 3 2 3" xfId="7142"/>
    <cellStyle name="標準 3 5 3 3 3 2_原油高騰等の影響業種" xfId="11035"/>
    <cellStyle name="標準 3 5 3 3 3 3" xfId="1976"/>
    <cellStyle name="標準 3 5 3 3 3 3 2" xfId="4928"/>
    <cellStyle name="標準 3 5 3 3 3 3 3" xfId="7880"/>
    <cellStyle name="標準 3 5 3 3 3 3_原油高騰等の影響業種" xfId="11036"/>
    <cellStyle name="標準 3 5 3 3 3 4" xfId="2714"/>
    <cellStyle name="標準 3 5 3 3 3 4 2" xfId="5666"/>
    <cellStyle name="標準 3 5 3 3 3 4 3" xfId="8618"/>
    <cellStyle name="標準 3 5 3 3 3 4_原油高騰等の影響業種" xfId="11037"/>
    <cellStyle name="標準 3 5 3 3 3 5" xfId="3452"/>
    <cellStyle name="標準 3 5 3 3 3 6" xfId="6404"/>
    <cellStyle name="標準 3 5 3 3 3_原油高騰等の影響業種" xfId="11034"/>
    <cellStyle name="標準 3 5 3 3 4" xfId="869"/>
    <cellStyle name="標準 3 5 3 3 4 2" xfId="3821"/>
    <cellStyle name="標準 3 5 3 3 4 3" xfId="6773"/>
    <cellStyle name="標準 3 5 3 3 4_原油高騰等の影響業種" xfId="11038"/>
    <cellStyle name="標準 3 5 3 3 5" xfId="1607"/>
    <cellStyle name="標準 3 5 3 3 5 2" xfId="4559"/>
    <cellStyle name="標準 3 5 3 3 5 3" xfId="7511"/>
    <cellStyle name="標準 3 5 3 3 5_原油高騰等の影響業種" xfId="11039"/>
    <cellStyle name="標準 3 5 3 3 6" xfId="2345"/>
    <cellStyle name="標準 3 5 3 3 6 2" xfId="5297"/>
    <cellStyle name="標準 3 5 3 3 6 3" xfId="8249"/>
    <cellStyle name="標準 3 5 3 3 6_原油高騰等の影響業種" xfId="11040"/>
    <cellStyle name="標準 3 5 3 3 7" xfId="3083"/>
    <cellStyle name="標準 3 5 3 3 8" xfId="6035"/>
    <cellStyle name="標準 3 5 3 3_原油高騰等の影響業種" xfId="11025"/>
    <cellStyle name="標準 3 5 3 4" xfId="172"/>
    <cellStyle name="標準 3 5 3 4 2" xfId="352"/>
    <cellStyle name="標準 3 5 3 4 2 2" xfId="725"/>
    <cellStyle name="標準 3 5 3 4 2 2 2" xfId="1463"/>
    <cellStyle name="標準 3 5 3 4 2 2 2 2" xfId="4415"/>
    <cellStyle name="標準 3 5 3 4 2 2 2 3" xfId="7367"/>
    <cellStyle name="標準 3 5 3 4 2 2 2_原油高騰等の影響業種" xfId="11044"/>
    <cellStyle name="標準 3 5 3 4 2 2 3" xfId="2201"/>
    <cellStyle name="標準 3 5 3 4 2 2 3 2" xfId="5153"/>
    <cellStyle name="標準 3 5 3 4 2 2 3 3" xfId="8105"/>
    <cellStyle name="標準 3 5 3 4 2 2 3_原油高騰等の影響業種" xfId="11045"/>
    <cellStyle name="標準 3 5 3 4 2 2 4" xfId="2939"/>
    <cellStyle name="標準 3 5 3 4 2 2 4 2" xfId="5891"/>
    <cellStyle name="標準 3 5 3 4 2 2 4 3" xfId="8843"/>
    <cellStyle name="標準 3 5 3 4 2 2 4_原油高騰等の影響業種" xfId="11046"/>
    <cellStyle name="標準 3 5 3 4 2 2 5" xfId="3677"/>
    <cellStyle name="標準 3 5 3 4 2 2 6" xfId="6629"/>
    <cellStyle name="標準 3 5 3 4 2 2_原油高騰等の影響業種" xfId="11043"/>
    <cellStyle name="標準 3 5 3 4 2 3" xfId="1094"/>
    <cellStyle name="標準 3 5 3 4 2 3 2" xfId="4046"/>
    <cellStyle name="標準 3 5 3 4 2 3 3" xfId="6998"/>
    <cellStyle name="標準 3 5 3 4 2 3_原油高騰等の影響業種" xfId="11047"/>
    <cellStyle name="標準 3 5 3 4 2 4" xfId="1832"/>
    <cellStyle name="標準 3 5 3 4 2 4 2" xfId="4784"/>
    <cellStyle name="標準 3 5 3 4 2 4 3" xfId="7736"/>
    <cellStyle name="標準 3 5 3 4 2 4_原油高騰等の影響業種" xfId="11048"/>
    <cellStyle name="標準 3 5 3 4 2 5" xfId="2570"/>
    <cellStyle name="標準 3 5 3 4 2 5 2" xfId="5522"/>
    <cellStyle name="標準 3 5 3 4 2 5 3" xfId="8474"/>
    <cellStyle name="標準 3 5 3 4 2 5_原油高騰等の影響業種" xfId="11049"/>
    <cellStyle name="標準 3 5 3 4 2 6" xfId="3308"/>
    <cellStyle name="標準 3 5 3 4 2 7" xfId="6260"/>
    <cellStyle name="標準 3 5 3 4 2_原油高騰等の影響業種" xfId="11042"/>
    <cellStyle name="標準 3 5 3 4 3" xfId="545"/>
    <cellStyle name="標準 3 5 3 4 3 2" xfId="1283"/>
    <cellStyle name="標準 3 5 3 4 3 2 2" xfId="4235"/>
    <cellStyle name="標準 3 5 3 4 3 2 3" xfId="7187"/>
    <cellStyle name="標準 3 5 3 4 3 2_原油高騰等の影響業種" xfId="11051"/>
    <cellStyle name="標準 3 5 3 4 3 3" xfId="2021"/>
    <cellStyle name="標準 3 5 3 4 3 3 2" xfId="4973"/>
    <cellStyle name="標準 3 5 3 4 3 3 3" xfId="7925"/>
    <cellStyle name="標準 3 5 3 4 3 3_原油高騰等の影響業種" xfId="11052"/>
    <cellStyle name="標準 3 5 3 4 3 4" xfId="2759"/>
    <cellStyle name="標準 3 5 3 4 3 4 2" xfId="5711"/>
    <cellStyle name="標準 3 5 3 4 3 4 3" xfId="8663"/>
    <cellStyle name="標準 3 5 3 4 3 4_原油高騰等の影響業種" xfId="11053"/>
    <cellStyle name="標準 3 5 3 4 3 5" xfId="3497"/>
    <cellStyle name="標準 3 5 3 4 3 6" xfId="6449"/>
    <cellStyle name="標準 3 5 3 4 3_原油高騰等の影響業種" xfId="11050"/>
    <cellStyle name="標準 3 5 3 4 4" xfId="914"/>
    <cellStyle name="標準 3 5 3 4 4 2" xfId="3866"/>
    <cellStyle name="標準 3 5 3 4 4 3" xfId="6818"/>
    <cellStyle name="標準 3 5 3 4 4_原油高騰等の影響業種" xfId="11054"/>
    <cellStyle name="標準 3 5 3 4 5" xfId="1652"/>
    <cellStyle name="標準 3 5 3 4 5 2" xfId="4604"/>
    <cellStyle name="標準 3 5 3 4 5 3" xfId="7556"/>
    <cellStyle name="標準 3 5 3 4 5_原油高騰等の影響業種" xfId="11055"/>
    <cellStyle name="標準 3 5 3 4 6" xfId="2390"/>
    <cellStyle name="標準 3 5 3 4 6 2" xfId="5342"/>
    <cellStyle name="標準 3 5 3 4 6 3" xfId="8294"/>
    <cellStyle name="標準 3 5 3 4 6_原油高騰等の影響業種" xfId="11056"/>
    <cellStyle name="標準 3 5 3 4 7" xfId="3128"/>
    <cellStyle name="標準 3 5 3 4 8" xfId="6080"/>
    <cellStyle name="標準 3 5 3 4_原油高騰等の影響業種" xfId="11041"/>
    <cellStyle name="標準 3 5 3 5" xfId="217"/>
    <cellStyle name="標準 3 5 3 5 2" xfId="590"/>
    <cellStyle name="標準 3 5 3 5 2 2" xfId="1328"/>
    <cellStyle name="標準 3 5 3 5 2 2 2" xfId="4280"/>
    <cellStyle name="標準 3 5 3 5 2 2 3" xfId="7232"/>
    <cellStyle name="標準 3 5 3 5 2 2_原油高騰等の影響業種" xfId="11059"/>
    <cellStyle name="標準 3 5 3 5 2 3" xfId="2066"/>
    <cellStyle name="標準 3 5 3 5 2 3 2" xfId="5018"/>
    <cellStyle name="標準 3 5 3 5 2 3 3" xfId="7970"/>
    <cellStyle name="標準 3 5 3 5 2 3_原油高騰等の影響業種" xfId="11060"/>
    <cellStyle name="標準 3 5 3 5 2 4" xfId="2804"/>
    <cellStyle name="標準 3 5 3 5 2 4 2" xfId="5756"/>
    <cellStyle name="標準 3 5 3 5 2 4 3" xfId="8708"/>
    <cellStyle name="標準 3 5 3 5 2 4_原油高騰等の影響業種" xfId="11061"/>
    <cellStyle name="標準 3 5 3 5 2 5" xfId="3542"/>
    <cellStyle name="標準 3 5 3 5 2 6" xfId="6494"/>
    <cellStyle name="標準 3 5 3 5 2_原油高騰等の影響業種" xfId="11058"/>
    <cellStyle name="標準 3 5 3 5 3" xfId="959"/>
    <cellStyle name="標準 3 5 3 5 3 2" xfId="3911"/>
    <cellStyle name="標準 3 5 3 5 3 3" xfId="6863"/>
    <cellStyle name="標準 3 5 3 5 3_原油高騰等の影響業種" xfId="11062"/>
    <cellStyle name="標準 3 5 3 5 4" xfId="1697"/>
    <cellStyle name="標準 3 5 3 5 4 2" xfId="4649"/>
    <cellStyle name="標準 3 5 3 5 4 3" xfId="7601"/>
    <cellStyle name="標準 3 5 3 5 4_原油高騰等の影響業種" xfId="11063"/>
    <cellStyle name="標準 3 5 3 5 5" xfId="2435"/>
    <cellStyle name="標準 3 5 3 5 5 2" xfId="5387"/>
    <cellStyle name="標準 3 5 3 5 5 3" xfId="8339"/>
    <cellStyle name="標準 3 5 3 5 5_原油高騰等の影響業種" xfId="11064"/>
    <cellStyle name="標準 3 5 3 5 6" xfId="3173"/>
    <cellStyle name="標準 3 5 3 5 7" xfId="6125"/>
    <cellStyle name="標準 3 5 3 5_原油高騰等の影響業種" xfId="11057"/>
    <cellStyle name="標準 3 5 3 6" xfId="410"/>
    <cellStyle name="標準 3 5 3 6 2" xfId="1148"/>
    <cellStyle name="標準 3 5 3 6 2 2" xfId="4100"/>
    <cellStyle name="標準 3 5 3 6 2 3" xfId="7052"/>
    <cellStyle name="標準 3 5 3 6 2_原油高騰等の影響業種" xfId="11066"/>
    <cellStyle name="標準 3 5 3 6 3" xfId="1886"/>
    <cellStyle name="標準 3 5 3 6 3 2" xfId="4838"/>
    <cellStyle name="標準 3 5 3 6 3 3" xfId="7790"/>
    <cellStyle name="標準 3 5 3 6 3_原油高騰等の影響業種" xfId="11067"/>
    <cellStyle name="標準 3 5 3 6 4" xfId="2624"/>
    <cellStyle name="標準 3 5 3 6 4 2" xfId="5576"/>
    <cellStyle name="標準 3 5 3 6 4 3" xfId="8528"/>
    <cellStyle name="標準 3 5 3 6 4_原油高騰等の影響業種" xfId="11068"/>
    <cellStyle name="標準 3 5 3 6 5" xfId="3362"/>
    <cellStyle name="標準 3 5 3 6 6" xfId="6314"/>
    <cellStyle name="標準 3 5 3 6_原油高騰等の影響業種" xfId="11065"/>
    <cellStyle name="標準 3 5 3 7" xfId="779"/>
    <cellStyle name="標準 3 5 3 7 2" xfId="3731"/>
    <cellStyle name="標準 3 5 3 7 3" xfId="6683"/>
    <cellStyle name="標準 3 5 3 7_原油高騰等の影響業種" xfId="11069"/>
    <cellStyle name="標準 3 5 3 8" xfId="1517"/>
    <cellStyle name="標準 3 5 3 8 2" xfId="4469"/>
    <cellStyle name="標準 3 5 3 8 3" xfId="7421"/>
    <cellStyle name="標準 3 5 3 8_原油高騰等の影響業種" xfId="11070"/>
    <cellStyle name="標準 3 5 3 9" xfId="2255"/>
    <cellStyle name="標準 3 5 3 9 2" xfId="5207"/>
    <cellStyle name="標準 3 5 3 9 3" xfId="8159"/>
    <cellStyle name="標準 3 5 3 9_原油高騰等の影響業種" xfId="11071"/>
    <cellStyle name="標準 3 5 3_原油高騰等の影響業種" xfId="11008"/>
    <cellStyle name="標準 3 5 4" xfId="55"/>
    <cellStyle name="標準 3 5 4 10" xfId="3011"/>
    <cellStyle name="標準 3 5 4 11" xfId="5963"/>
    <cellStyle name="標準 3 5 4 2" xfId="100"/>
    <cellStyle name="標準 3 5 4 2 2" xfId="280"/>
    <cellStyle name="標準 3 5 4 2 2 2" xfId="653"/>
    <cellStyle name="標準 3 5 4 2 2 2 2" xfId="1391"/>
    <cellStyle name="標準 3 5 4 2 2 2 2 2" xfId="4343"/>
    <cellStyle name="標準 3 5 4 2 2 2 2 3" xfId="7295"/>
    <cellStyle name="標準 3 5 4 2 2 2 2_原油高騰等の影響業種" xfId="11076"/>
    <cellStyle name="標準 3 5 4 2 2 2 3" xfId="2129"/>
    <cellStyle name="標準 3 5 4 2 2 2 3 2" xfId="5081"/>
    <cellStyle name="標準 3 5 4 2 2 2 3 3" xfId="8033"/>
    <cellStyle name="標準 3 5 4 2 2 2 3_原油高騰等の影響業種" xfId="11077"/>
    <cellStyle name="標準 3 5 4 2 2 2 4" xfId="2867"/>
    <cellStyle name="標準 3 5 4 2 2 2 4 2" xfId="5819"/>
    <cellStyle name="標準 3 5 4 2 2 2 4 3" xfId="8771"/>
    <cellStyle name="標準 3 5 4 2 2 2 4_原油高騰等の影響業種" xfId="11078"/>
    <cellStyle name="標準 3 5 4 2 2 2 5" xfId="3605"/>
    <cellStyle name="標準 3 5 4 2 2 2 6" xfId="6557"/>
    <cellStyle name="標準 3 5 4 2 2 2_原油高騰等の影響業種" xfId="11075"/>
    <cellStyle name="標準 3 5 4 2 2 3" xfId="1022"/>
    <cellStyle name="標準 3 5 4 2 2 3 2" xfId="3974"/>
    <cellStyle name="標準 3 5 4 2 2 3 3" xfId="6926"/>
    <cellStyle name="標準 3 5 4 2 2 3_原油高騰等の影響業種" xfId="11079"/>
    <cellStyle name="標準 3 5 4 2 2 4" xfId="1760"/>
    <cellStyle name="標準 3 5 4 2 2 4 2" xfId="4712"/>
    <cellStyle name="標準 3 5 4 2 2 4 3" xfId="7664"/>
    <cellStyle name="標準 3 5 4 2 2 4_原油高騰等の影響業種" xfId="11080"/>
    <cellStyle name="標準 3 5 4 2 2 5" xfId="2498"/>
    <cellStyle name="標準 3 5 4 2 2 5 2" xfId="5450"/>
    <cellStyle name="標準 3 5 4 2 2 5 3" xfId="8402"/>
    <cellStyle name="標準 3 5 4 2 2 5_原油高騰等の影響業種" xfId="11081"/>
    <cellStyle name="標準 3 5 4 2 2 6" xfId="3236"/>
    <cellStyle name="標準 3 5 4 2 2 7" xfId="6188"/>
    <cellStyle name="標準 3 5 4 2 2_原油高騰等の影響業種" xfId="11074"/>
    <cellStyle name="標準 3 5 4 2 3" xfId="473"/>
    <cellStyle name="標準 3 5 4 2 3 2" xfId="1211"/>
    <cellStyle name="標準 3 5 4 2 3 2 2" xfId="4163"/>
    <cellStyle name="標準 3 5 4 2 3 2 3" xfId="7115"/>
    <cellStyle name="標準 3 5 4 2 3 2_原油高騰等の影響業種" xfId="11083"/>
    <cellStyle name="標準 3 5 4 2 3 3" xfId="1949"/>
    <cellStyle name="標準 3 5 4 2 3 3 2" xfId="4901"/>
    <cellStyle name="標準 3 5 4 2 3 3 3" xfId="7853"/>
    <cellStyle name="標準 3 5 4 2 3 3_原油高騰等の影響業種" xfId="11084"/>
    <cellStyle name="標準 3 5 4 2 3 4" xfId="2687"/>
    <cellStyle name="標準 3 5 4 2 3 4 2" xfId="5639"/>
    <cellStyle name="標準 3 5 4 2 3 4 3" xfId="8591"/>
    <cellStyle name="標準 3 5 4 2 3 4_原油高騰等の影響業種" xfId="11085"/>
    <cellStyle name="標準 3 5 4 2 3 5" xfId="3425"/>
    <cellStyle name="標準 3 5 4 2 3 6" xfId="6377"/>
    <cellStyle name="標準 3 5 4 2 3_原油高騰等の影響業種" xfId="11082"/>
    <cellStyle name="標準 3 5 4 2 4" xfId="842"/>
    <cellStyle name="標準 3 5 4 2 4 2" xfId="3794"/>
    <cellStyle name="標準 3 5 4 2 4 3" xfId="6746"/>
    <cellStyle name="標準 3 5 4 2 4_原油高騰等の影響業種" xfId="11086"/>
    <cellStyle name="標準 3 5 4 2 5" xfId="1580"/>
    <cellStyle name="標準 3 5 4 2 5 2" xfId="4532"/>
    <cellStyle name="標準 3 5 4 2 5 3" xfId="7484"/>
    <cellStyle name="標準 3 5 4 2 5_原油高騰等の影響業種" xfId="11087"/>
    <cellStyle name="標準 3 5 4 2 6" xfId="2318"/>
    <cellStyle name="標準 3 5 4 2 6 2" xfId="5270"/>
    <cellStyle name="標準 3 5 4 2 6 3" xfId="8222"/>
    <cellStyle name="標準 3 5 4 2 6_原油高騰等の影響業種" xfId="11088"/>
    <cellStyle name="標準 3 5 4 2 7" xfId="3056"/>
    <cellStyle name="標準 3 5 4 2 8" xfId="6008"/>
    <cellStyle name="標準 3 5 4 2_原油高騰等の影響業種" xfId="11073"/>
    <cellStyle name="標準 3 5 4 3" xfId="145"/>
    <cellStyle name="標準 3 5 4 3 2" xfId="325"/>
    <cellStyle name="標準 3 5 4 3 2 2" xfId="698"/>
    <cellStyle name="標準 3 5 4 3 2 2 2" xfId="1436"/>
    <cellStyle name="標準 3 5 4 3 2 2 2 2" xfId="4388"/>
    <cellStyle name="標準 3 5 4 3 2 2 2 3" xfId="7340"/>
    <cellStyle name="標準 3 5 4 3 2 2 2_原油高騰等の影響業種" xfId="11092"/>
    <cellStyle name="標準 3 5 4 3 2 2 3" xfId="2174"/>
    <cellStyle name="標準 3 5 4 3 2 2 3 2" xfId="5126"/>
    <cellStyle name="標準 3 5 4 3 2 2 3 3" xfId="8078"/>
    <cellStyle name="標準 3 5 4 3 2 2 3_原油高騰等の影響業種" xfId="11093"/>
    <cellStyle name="標準 3 5 4 3 2 2 4" xfId="2912"/>
    <cellStyle name="標準 3 5 4 3 2 2 4 2" xfId="5864"/>
    <cellStyle name="標準 3 5 4 3 2 2 4 3" xfId="8816"/>
    <cellStyle name="標準 3 5 4 3 2 2 4_原油高騰等の影響業種" xfId="11094"/>
    <cellStyle name="標準 3 5 4 3 2 2 5" xfId="3650"/>
    <cellStyle name="標準 3 5 4 3 2 2 6" xfId="6602"/>
    <cellStyle name="標準 3 5 4 3 2 2_原油高騰等の影響業種" xfId="11091"/>
    <cellStyle name="標準 3 5 4 3 2 3" xfId="1067"/>
    <cellStyle name="標準 3 5 4 3 2 3 2" xfId="4019"/>
    <cellStyle name="標準 3 5 4 3 2 3 3" xfId="6971"/>
    <cellStyle name="標準 3 5 4 3 2 3_原油高騰等の影響業種" xfId="11095"/>
    <cellStyle name="標準 3 5 4 3 2 4" xfId="1805"/>
    <cellStyle name="標準 3 5 4 3 2 4 2" xfId="4757"/>
    <cellStyle name="標準 3 5 4 3 2 4 3" xfId="7709"/>
    <cellStyle name="標準 3 5 4 3 2 4_原油高騰等の影響業種" xfId="11096"/>
    <cellStyle name="標準 3 5 4 3 2 5" xfId="2543"/>
    <cellStyle name="標準 3 5 4 3 2 5 2" xfId="5495"/>
    <cellStyle name="標準 3 5 4 3 2 5 3" xfId="8447"/>
    <cellStyle name="標準 3 5 4 3 2 5_原油高騰等の影響業種" xfId="11097"/>
    <cellStyle name="標準 3 5 4 3 2 6" xfId="3281"/>
    <cellStyle name="標準 3 5 4 3 2 7" xfId="6233"/>
    <cellStyle name="標準 3 5 4 3 2_原油高騰等の影響業種" xfId="11090"/>
    <cellStyle name="標準 3 5 4 3 3" xfId="518"/>
    <cellStyle name="標準 3 5 4 3 3 2" xfId="1256"/>
    <cellStyle name="標準 3 5 4 3 3 2 2" xfId="4208"/>
    <cellStyle name="標準 3 5 4 3 3 2 3" xfId="7160"/>
    <cellStyle name="標準 3 5 4 3 3 2_原油高騰等の影響業種" xfId="11099"/>
    <cellStyle name="標準 3 5 4 3 3 3" xfId="1994"/>
    <cellStyle name="標準 3 5 4 3 3 3 2" xfId="4946"/>
    <cellStyle name="標準 3 5 4 3 3 3 3" xfId="7898"/>
    <cellStyle name="標準 3 5 4 3 3 3_原油高騰等の影響業種" xfId="11100"/>
    <cellStyle name="標準 3 5 4 3 3 4" xfId="2732"/>
    <cellStyle name="標準 3 5 4 3 3 4 2" xfId="5684"/>
    <cellStyle name="標準 3 5 4 3 3 4 3" xfId="8636"/>
    <cellStyle name="標準 3 5 4 3 3 4_原油高騰等の影響業種" xfId="11101"/>
    <cellStyle name="標準 3 5 4 3 3 5" xfId="3470"/>
    <cellStyle name="標準 3 5 4 3 3 6" xfId="6422"/>
    <cellStyle name="標準 3 5 4 3 3_原油高騰等の影響業種" xfId="11098"/>
    <cellStyle name="標準 3 5 4 3 4" xfId="887"/>
    <cellStyle name="標準 3 5 4 3 4 2" xfId="3839"/>
    <cellStyle name="標準 3 5 4 3 4 3" xfId="6791"/>
    <cellStyle name="標準 3 5 4 3 4_原油高騰等の影響業種" xfId="11102"/>
    <cellStyle name="標準 3 5 4 3 5" xfId="1625"/>
    <cellStyle name="標準 3 5 4 3 5 2" xfId="4577"/>
    <cellStyle name="標準 3 5 4 3 5 3" xfId="7529"/>
    <cellStyle name="標準 3 5 4 3 5_原油高騰等の影響業種" xfId="11103"/>
    <cellStyle name="標準 3 5 4 3 6" xfId="2363"/>
    <cellStyle name="標準 3 5 4 3 6 2" xfId="5315"/>
    <cellStyle name="標準 3 5 4 3 6 3" xfId="8267"/>
    <cellStyle name="標準 3 5 4 3 6_原油高騰等の影響業種" xfId="11104"/>
    <cellStyle name="標準 3 5 4 3 7" xfId="3101"/>
    <cellStyle name="標準 3 5 4 3 8" xfId="6053"/>
    <cellStyle name="標準 3 5 4 3_原油高騰等の影響業種" xfId="11089"/>
    <cellStyle name="標準 3 5 4 4" xfId="190"/>
    <cellStyle name="標準 3 5 4 4 2" xfId="370"/>
    <cellStyle name="標準 3 5 4 4 2 2" xfId="743"/>
    <cellStyle name="標準 3 5 4 4 2 2 2" xfId="1481"/>
    <cellStyle name="標準 3 5 4 4 2 2 2 2" xfId="4433"/>
    <cellStyle name="標準 3 5 4 4 2 2 2 3" xfId="7385"/>
    <cellStyle name="標準 3 5 4 4 2 2 2_原油高騰等の影響業種" xfId="11108"/>
    <cellStyle name="標準 3 5 4 4 2 2 3" xfId="2219"/>
    <cellStyle name="標準 3 5 4 4 2 2 3 2" xfId="5171"/>
    <cellStyle name="標準 3 5 4 4 2 2 3 3" xfId="8123"/>
    <cellStyle name="標準 3 5 4 4 2 2 3_原油高騰等の影響業種" xfId="11109"/>
    <cellStyle name="標準 3 5 4 4 2 2 4" xfId="2957"/>
    <cellStyle name="標準 3 5 4 4 2 2 4 2" xfId="5909"/>
    <cellStyle name="標準 3 5 4 4 2 2 4 3" xfId="8861"/>
    <cellStyle name="標準 3 5 4 4 2 2 4_原油高騰等の影響業種" xfId="11110"/>
    <cellStyle name="標準 3 5 4 4 2 2 5" xfId="3695"/>
    <cellStyle name="標準 3 5 4 4 2 2 6" xfId="6647"/>
    <cellStyle name="標準 3 5 4 4 2 2_原油高騰等の影響業種" xfId="11107"/>
    <cellStyle name="標準 3 5 4 4 2 3" xfId="1112"/>
    <cellStyle name="標準 3 5 4 4 2 3 2" xfId="4064"/>
    <cellStyle name="標準 3 5 4 4 2 3 3" xfId="7016"/>
    <cellStyle name="標準 3 5 4 4 2 3_原油高騰等の影響業種" xfId="11111"/>
    <cellStyle name="標準 3 5 4 4 2 4" xfId="1850"/>
    <cellStyle name="標準 3 5 4 4 2 4 2" xfId="4802"/>
    <cellStyle name="標準 3 5 4 4 2 4 3" xfId="7754"/>
    <cellStyle name="標準 3 5 4 4 2 4_原油高騰等の影響業種" xfId="11112"/>
    <cellStyle name="標準 3 5 4 4 2 5" xfId="2588"/>
    <cellStyle name="標準 3 5 4 4 2 5 2" xfId="5540"/>
    <cellStyle name="標準 3 5 4 4 2 5 3" xfId="8492"/>
    <cellStyle name="標準 3 5 4 4 2 5_原油高騰等の影響業種" xfId="11113"/>
    <cellStyle name="標準 3 5 4 4 2 6" xfId="3326"/>
    <cellStyle name="標準 3 5 4 4 2 7" xfId="6278"/>
    <cellStyle name="標準 3 5 4 4 2_原油高騰等の影響業種" xfId="11106"/>
    <cellStyle name="標準 3 5 4 4 3" xfId="563"/>
    <cellStyle name="標準 3 5 4 4 3 2" xfId="1301"/>
    <cellStyle name="標準 3 5 4 4 3 2 2" xfId="4253"/>
    <cellStyle name="標準 3 5 4 4 3 2 3" xfId="7205"/>
    <cellStyle name="標準 3 5 4 4 3 2_原油高騰等の影響業種" xfId="11115"/>
    <cellStyle name="標準 3 5 4 4 3 3" xfId="2039"/>
    <cellStyle name="標準 3 5 4 4 3 3 2" xfId="4991"/>
    <cellStyle name="標準 3 5 4 4 3 3 3" xfId="7943"/>
    <cellStyle name="標準 3 5 4 4 3 3_原油高騰等の影響業種" xfId="11116"/>
    <cellStyle name="標準 3 5 4 4 3 4" xfId="2777"/>
    <cellStyle name="標準 3 5 4 4 3 4 2" xfId="5729"/>
    <cellStyle name="標準 3 5 4 4 3 4 3" xfId="8681"/>
    <cellStyle name="標準 3 5 4 4 3 4_原油高騰等の影響業種" xfId="11117"/>
    <cellStyle name="標準 3 5 4 4 3 5" xfId="3515"/>
    <cellStyle name="標準 3 5 4 4 3 6" xfId="6467"/>
    <cellStyle name="標準 3 5 4 4 3_原油高騰等の影響業種" xfId="11114"/>
    <cellStyle name="標準 3 5 4 4 4" xfId="932"/>
    <cellStyle name="標準 3 5 4 4 4 2" xfId="3884"/>
    <cellStyle name="標準 3 5 4 4 4 3" xfId="6836"/>
    <cellStyle name="標準 3 5 4 4 4_原油高騰等の影響業種" xfId="11118"/>
    <cellStyle name="標準 3 5 4 4 5" xfId="1670"/>
    <cellStyle name="標準 3 5 4 4 5 2" xfId="4622"/>
    <cellStyle name="標準 3 5 4 4 5 3" xfId="7574"/>
    <cellStyle name="標準 3 5 4 4 5_原油高騰等の影響業種" xfId="11119"/>
    <cellStyle name="標準 3 5 4 4 6" xfId="2408"/>
    <cellStyle name="標準 3 5 4 4 6 2" xfId="5360"/>
    <cellStyle name="標準 3 5 4 4 6 3" xfId="8312"/>
    <cellStyle name="標準 3 5 4 4 6_原油高騰等の影響業種" xfId="11120"/>
    <cellStyle name="標準 3 5 4 4 7" xfId="3146"/>
    <cellStyle name="標準 3 5 4 4 8" xfId="6098"/>
    <cellStyle name="標準 3 5 4 4_原油高騰等の影響業種" xfId="11105"/>
    <cellStyle name="標準 3 5 4 5" xfId="235"/>
    <cellStyle name="標準 3 5 4 5 2" xfId="608"/>
    <cellStyle name="標準 3 5 4 5 2 2" xfId="1346"/>
    <cellStyle name="標準 3 5 4 5 2 2 2" xfId="4298"/>
    <cellStyle name="標準 3 5 4 5 2 2 3" xfId="7250"/>
    <cellStyle name="標準 3 5 4 5 2 2_原油高騰等の影響業種" xfId="11123"/>
    <cellStyle name="標準 3 5 4 5 2 3" xfId="2084"/>
    <cellStyle name="標準 3 5 4 5 2 3 2" xfId="5036"/>
    <cellStyle name="標準 3 5 4 5 2 3 3" xfId="7988"/>
    <cellStyle name="標準 3 5 4 5 2 3_原油高騰等の影響業種" xfId="11124"/>
    <cellStyle name="標準 3 5 4 5 2 4" xfId="2822"/>
    <cellStyle name="標準 3 5 4 5 2 4 2" xfId="5774"/>
    <cellStyle name="標準 3 5 4 5 2 4 3" xfId="8726"/>
    <cellStyle name="標準 3 5 4 5 2 4_原油高騰等の影響業種" xfId="11125"/>
    <cellStyle name="標準 3 5 4 5 2 5" xfId="3560"/>
    <cellStyle name="標準 3 5 4 5 2 6" xfId="6512"/>
    <cellStyle name="標準 3 5 4 5 2_原油高騰等の影響業種" xfId="11122"/>
    <cellStyle name="標準 3 5 4 5 3" xfId="977"/>
    <cellStyle name="標準 3 5 4 5 3 2" xfId="3929"/>
    <cellStyle name="標準 3 5 4 5 3 3" xfId="6881"/>
    <cellStyle name="標準 3 5 4 5 3_原油高騰等の影響業種" xfId="11126"/>
    <cellStyle name="標準 3 5 4 5 4" xfId="1715"/>
    <cellStyle name="標準 3 5 4 5 4 2" xfId="4667"/>
    <cellStyle name="標準 3 5 4 5 4 3" xfId="7619"/>
    <cellStyle name="標準 3 5 4 5 4_原油高騰等の影響業種" xfId="11127"/>
    <cellStyle name="標準 3 5 4 5 5" xfId="2453"/>
    <cellStyle name="標準 3 5 4 5 5 2" xfId="5405"/>
    <cellStyle name="標準 3 5 4 5 5 3" xfId="8357"/>
    <cellStyle name="標準 3 5 4 5 5_原油高騰等の影響業種" xfId="11128"/>
    <cellStyle name="標準 3 5 4 5 6" xfId="3191"/>
    <cellStyle name="標準 3 5 4 5 7" xfId="6143"/>
    <cellStyle name="標準 3 5 4 5_原油高騰等の影響業種" xfId="11121"/>
    <cellStyle name="標準 3 5 4 6" xfId="428"/>
    <cellStyle name="標準 3 5 4 6 2" xfId="1166"/>
    <cellStyle name="標準 3 5 4 6 2 2" xfId="4118"/>
    <cellStyle name="標準 3 5 4 6 2 3" xfId="7070"/>
    <cellStyle name="標準 3 5 4 6 2_原油高騰等の影響業種" xfId="11130"/>
    <cellStyle name="標準 3 5 4 6 3" xfId="1904"/>
    <cellStyle name="標準 3 5 4 6 3 2" xfId="4856"/>
    <cellStyle name="標準 3 5 4 6 3 3" xfId="7808"/>
    <cellStyle name="標準 3 5 4 6 3_原油高騰等の影響業種" xfId="11131"/>
    <cellStyle name="標準 3 5 4 6 4" xfId="2642"/>
    <cellStyle name="標準 3 5 4 6 4 2" xfId="5594"/>
    <cellStyle name="標準 3 5 4 6 4 3" xfId="8546"/>
    <cellStyle name="標準 3 5 4 6 4_原油高騰等の影響業種" xfId="11132"/>
    <cellStyle name="標準 3 5 4 6 5" xfId="3380"/>
    <cellStyle name="標準 3 5 4 6 6" xfId="6332"/>
    <cellStyle name="標準 3 5 4 6_原油高騰等の影響業種" xfId="11129"/>
    <cellStyle name="標準 3 5 4 7" xfId="797"/>
    <cellStyle name="標準 3 5 4 7 2" xfId="3749"/>
    <cellStyle name="標準 3 5 4 7 3" xfId="6701"/>
    <cellStyle name="標準 3 5 4 7_原油高騰等の影響業種" xfId="11133"/>
    <cellStyle name="標準 3 5 4 8" xfId="1535"/>
    <cellStyle name="標準 3 5 4 8 2" xfId="4487"/>
    <cellStyle name="標準 3 5 4 8 3" xfId="7439"/>
    <cellStyle name="標準 3 5 4 8_原油高騰等の影響業種" xfId="11134"/>
    <cellStyle name="標準 3 5 4 9" xfId="2273"/>
    <cellStyle name="標準 3 5 4 9 2" xfId="5225"/>
    <cellStyle name="標準 3 5 4 9 3" xfId="8177"/>
    <cellStyle name="標準 3 5 4 9_原油高騰等の影響業種" xfId="11135"/>
    <cellStyle name="標準 3 5 4_原油高騰等の影響業種" xfId="11072"/>
    <cellStyle name="標準 3 5 5" xfId="64"/>
    <cellStyle name="標準 3 5 5 2" xfId="244"/>
    <cellStyle name="標準 3 5 5 2 2" xfId="617"/>
    <cellStyle name="標準 3 5 5 2 2 2" xfId="1355"/>
    <cellStyle name="標準 3 5 5 2 2 2 2" xfId="4307"/>
    <cellStyle name="標準 3 5 5 2 2 2 3" xfId="7259"/>
    <cellStyle name="標準 3 5 5 2 2 2_原油高騰等の影響業種" xfId="11139"/>
    <cellStyle name="標準 3 5 5 2 2 3" xfId="2093"/>
    <cellStyle name="標準 3 5 5 2 2 3 2" xfId="5045"/>
    <cellStyle name="標準 3 5 5 2 2 3 3" xfId="7997"/>
    <cellStyle name="標準 3 5 5 2 2 3_原油高騰等の影響業種" xfId="11140"/>
    <cellStyle name="標準 3 5 5 2 2 4" xfId="2831"/>
    <cellStyle name="標準 3 5 5 2 2 4 2" xfId="5783"/>
    <cellStyle name="標準 3 5 5 2 2 4 3" xfId="8735"/>
    <cellStyle name="標準 3 5 5 2 2 4_原油高騰等の影響業種" xfId="11141"/>
    <cellStyle name="標準 3 5 5 2 2 5" xfId="3569"/>
    <cellStyle name="標準 3 5 5 2 2 6" xfId="6521"/>
    <cellStyle name="標準 3 5 5 2 2_原油高騰等の影響業種" xfId="11138"/>
    <cellStyle name="標準 3 5 5 2 3" xfId="986"/>
    <cellStyle name="標準 3 5 5 2 3 2" xfId="3938"/>
    <cellStyle name="標準 3 5 5 2 3 3" xfId="6890"/>
    <cellStyle name="標準 3 5 5 2 3_原油高騰等の影響業種" xfId="11142"/>
    <cellStyle name="標準 3 5 5 2 4" xfId="1724"/>
    <cellStyle name="標準 3 5 5 2 4 2" xfId="4676"/>
    <cellStyle name="標準 3 5 5 2 4 3" xfId="7628"/>
    <cellStyle name="標準 3 5 5 2 4_原油高騰等の影響業種" xfId="11143"/>
    <cellStyle name="標準 3 5 5 2 5" xfId="2462"/>
    <cellStyle name="標準 3 5 5 2 5 2" xfId="5414"/>
    <cellStyle name="標準 3 5 5 2 5 3" xfId="8366"/>
    <cellStyle name="標準 3 5 5 2 5_原油高騰等の影響業種" xfId="11144"/>
    <cellStyle name="標準 3 5 5 2 6" xfId="3200"/>
    <cellStyle name="標準 3 5 5 2 7" xfId="6152"/>
    <cellStyle name="標準 3 5 5 2_原油高騰等の影響業種" xfId="11137"/>
    <cellStyle name="標準 3 5 5 3" xfId="437"/>
    <cellStyle name="標準 3 5 5 3 2" xfId="1175"/>
    <cellStyle name="標準 3 5 5 3 2 2" xfId="4127"/>
    <cellStyle name="標準 3 5 5 3 2 3" xfId="7079"/>
    <cellStyle name="標準 3 5 5 3 2_原油高騰等の影響業種" xfId="11146"/>
    <cellStyle name="標準 3 5 5 3 3" xfId="1913"/>
    <cellStyle name="標準 3 5 5 3 3 2" xfId="4865"/>
    <cellStyle name="標準 3 5 5 3 3 3" xfId="7817"/>
    <cellStyle name="標準 3 5 5 3 3_原油高騰等の影響業種" xfId="11147"/>
    <cellStyle name="標準 3 5 5 3 4" xfId="2651"/>
    <cellStyle name="標準 3 5 5 3 4 2" xfId="5603"/>
    <cellStyle name="標準 3 5 5 3 4 3" xfId="8555"/>
    <cellStyle name="標準 3 5 5 3 4_原油高騰等の影響業種" xfId="11148"/>
    <cellStyle name="標準 3 5 5 3 5" xfId="3389"/>
    <cellStyle name="標準 3 5 5 3 6" xfId="6341"/>
    <cellStyle name="標準 3 5 5 3_原油高騰等の影響業種" xfId="11145"/>
    <cellStyle name="標準 3 5 5 4" xfId="806"/>
    <cellStyle name="標準 3 5 5 4 2" xfId="3758"/>
    <cellStyle name="標準 3 5 5 4 3" xfId="6710"/>
    <cellStyle name="標準 3 5 5 4_原油高騰等の影響業種" xfId="11149"/>
    <cellStyle name="標準 3 5 5 5" xfId="1544"/>
    <cellStyle name="標準 3 5 5 5 2" xfId="4496"/>
    <cellStyle name="標準 3 5 5 5 3" xfId="7448"/>
    <cellStyle name="標準 3 5 5 5_原油高騰等の影響業種" xfId="11150"/>
    <cellStyle name="標準 3 5 5 6" xfId="2282"/>
    <cellStyle name="標準 3 5 5 6 2" xfId="5234"/>
    <cellStyle name="標準 3 5 5 6 3" xfId="8186"/>
    <cellStyle name="標準 3 5 5 6_原油高騰等の影響業種" xfId="11151"/>
    <cellStyle name="標準 3 5 5 7" xfId="3020"/>
    <cellStyle name="標準 3 5 5 8" xfId="5972"/>
    <cellStyle name="標準 3 5 5_原油高騰等の影響業種" xfId="11136"/>
    <cellStyle name="標準 3 5 6" xfId="109"/>
    <cellStyle name="標準 3 5 6 2" xfId="289"/>
    <cellStyle name="標準 3 5 6 2 2" xfId="662"/>
    <cellStyle name="標準 3 5 6 2 2 2" xfId="1400"/>
    <cellStyle name="標準 3 5 6 2 2 2 2" xfId="4352"/>
    <cellStyle name="標準 3 5 6 2 2 2 3" xfId="7304"/>
    <cellStyle name="標準 3 5 6 2 2 2_原油高騰等の影響業種" xfId="11155"/>
    <cellStyle name="標準 3 5 6 2 2 3" xfId="2138"/>
    <cellStyle name="標準 3 5 6 2 2 3 2" xfId="5090"/>
    <cellStyle name="標準 3 5 6 2 2 3 3" xfId="8042"/>
    <cellStyle name="標準 3 5 6 2 2 3_原油高騰等の影響業種" xfId="11156"/>
    <cellStyle name="標準 3 5 6 2 2 4" xfId="2876"/>
    <cellStyle name="標準 3 5 6 2 2 4 2" xfId="5828"/>
    <cellStyle name="標準 3 5 6 2 2 4 3" xfId="8780"/>
    <cellStyle name="標準 3 5 6 2 2 4_原油高騰等の影響業種" xfId="11157"/>
    <cellStyle name="標準 3 5 6 2 2 5" xfId="3614"/>
    <cellStyle name="標準 3 5 6 2 2 6" xfId="6566"/>
    <cellStyle name="標準 3 5 6 2 2_原油高騰等の影響業種" xfId="11154"/>
    <cellStyle name="標準 3 5 6 2 3" xfId="1031"/>
    <cellStyle name="標準 3 5 6 2 3 2" xfId="3983"/>
    <cellStyle name="標準 3 5 6 2 3 3" xfId="6935"/>
    <cellStyle name="標準 3 5 6 2 3_原油高騰等の影響業種" xfId="11158"/>
    <cellStyle name="標準 3 5 6 2 4" xfId="1769"/>
    <cellStyle name="標準 3 5 6 2 4 2" xfId="4721"/>
    <cellStyle name="標準 3 5 6 2 4 3" xfId="7673"/>
    <cellStyle name="標準 3 5 6 2 4_原油高騰等の影響業種" xfId="11159"/>
    <cellStyle name="標準 3 5 6 2 5" xfId="2507"/>
    <cellStyle name="標準 3 5 6 2 5 2" xfId="5459"/>
    <cellStyle name="標準 3 5 6 2 5 3" xfId="8411"/>
    <cellStyle name="標準 3 5 6 2 5_原油高騰等の影響業種" xfId="11160"/>
    <cellStyle name="標準 3 5 6 2 6" xfId="3245"/>
    <cellStyle name="標準 3 5 6 2 7" xfId="6197"/>
    <cellStyle name="標準 3 5 6 2_原油高騰等の影響業種" xfId="11153"/>
    <cellStyle name="標準 3 5 6 3" xfId="482"/>
    <cellStyle name="標準 3 5 6 3 2" xfId="1220"/>
    <cellStyle name="標準 3 5 6 3 2 2" xfId="4172"/>
    <cellStyle name="標準 3 5 6 3 2 3" xfId="7124"/>
    <cellStyle name="標準 3 5 6 3 2_原油高騰等の影響業種" xfId="11162"/>
    <cellStyle name="標準 3 5 6 3 3" xfId="1958"/>
    <cellStyle name="標準 3 5 6 3 3 2" xfId="4910"/>
    <cellStyle name="標準 3 5 6 3 3 3" xfId="7862"/>
    <cellStyle name="標準 3 5 6 3 3_原油高騰等の影響業種" xfId="11163"/>
    <cellStyle name="標準 3 5 6 3 4" xfId="2696"/>
    <cellStyle name="標準 3 5 6 3 4 2" xfId="5648"/>
    <cellStyle name="標準 3 5 6 3 4 3" xfId="8600"/>
    <cellStyle name="標準 3 5 6 3 4_原油高騰等の影響業種" xfId="11164"/>
    <cellStyle name="標準 3 5 6 3 5" xfId="3434"/>
    <cellStyle name="標準 3 5 6 3 6" xfId="6386"/>
    <cellStyle name="標準 3 5 6 3_原油高騰等の影響業種" xfId="11161"/>
    <cellStyle name="標準 3 5 6 4" xfId="851"/>
    <cellStyle name="標準 3 5 6 4 2" xfId="3803"/>
    <cellStyle name="標準 3 5 6 4 3" xfId="6755"/>
    <cellStyle name="標準 3 5 6 4_原油高騰等の影響業種" xfId="11165"/>
    <cellStyle name="標準 3 5 6 5" xfId="1589"/>
    <cellStyle name="標準 3 5 6 5 2" xfId="4541"/>
    <cellStyle name="標準 3 5 6 5 3" xfId="7493"/>
    <cellStyle name="標準 3 5 6 5_原油高騰等の影響業種" xfId="11166"/>
    <cellStyle name="標準 3 5 6 6" xfId="2327"/>
    <cellStyle name="標準 3 5 6 6 2" xfId="5279"/>
    <cellStyle name="標準 3 5 6 6 3" xfId="8231"/>
    <cellStyle name="標準 3 5 6 6_原油高騰等の影響業種" xfId="11167"/>
    <cellStyle name="標準 3 5 6 7" xfId="3065"/>
    <cellStyle name="標準 3 5 6 8" xfId="6017"/>
    <cellStyle name="標準 3 5 6_原油高騰等の影響業種" xfId="11152"/>
    <cellStyle name="標準 3 5 7" xfId="154"/>
    <cellStyle name="標準 3 5 7 2" xfId="334"/>
    <cellStyle name="標準 3 5 7 2 2" xfId="707"/>
    <cellStyle name="標準 3 5 7 2 2 2" xfId="1445"/>
    <cellStyle name="標準 3 5 7 2 2 2 2" xfId="4397"/>
    <cellStyle name="標準 3 5 7 2 2 2 3" xfId="7349"/>
    <cellStyle name="標準 3 5 7 2 2 2_原油高騰等の影響業種" xfId="11171"/>
    <cellStyle name="標準 3 5 7 2 2 3" xfId="2183"/>
    <cellStyle name="標準 3 5 7 2 2 3 2" xfId="5135"/>
    <cellStyle name="標準 3 5 7 2 2 3 3" xfId="8087"/>
    <cellStyle name="標準 3 5 7 2 2 3_原油高騰等の影響業種" xfId="11172"/>
    <cellStyle name="標準 3 5 7 2 2 4" xfId="2921"/>
    <cellStyle name="標準 3 5 7 2 2 4 2" xfId="5873"/>
    <cellStyle name="標準 3 5 7 2 2 4 3" xfId="8825"/>
    <cellStyle name="標準 3 5 7 2 2 4_原油高騰等の影響業種" xfId="11173"/>
    <cellStyle name="標準 3 5 7 2 2 5" xfId="3659"/>
    <cellStyle name="標準 3 5 7 2 2 6" xfId="6611"/>
    <cellStyle name="標準 3 5 7 2 2_原油高騰等の影響業種" xfId="11170"/>
    <cellStyle name="標準 3 5 7 2 3" xfId="1076"/>
    <cellStyle name="標準 3 5 7 2 3 2" xfId="4028"/>
    <cellStyle name="標準 3 5 7 2 3 3" xfId="6980"/>
    <cellStyle name="標準 3 5 7 2 3_原油高騰等の影響業種" xfId="11174"/>
    <cellStyle name="標準 3 5 7 2 4" xfId="1814"/>
    <cellStyle name="標準 3 5 7 2 4 2" xfId="4766"/>
    <cellStyle name="標準 3 5 7 2 4 3" xfId="7718"/>
    <cellStyle name="標準 3 5 7 2 4_原油高騰等の影響業種" xfId="11175"/>
    <cellStyle name="標準 3 5 7 2 5" xfId="2552"/>
    <cellStyle name="標準 3 5 7 2 5 2" xfId="5504"/>
    <cellStyle name="標準 3 5 7 2 5 3" xfId="8456"/>
    <cellStyle name="標準 3 5 7 2 5_原油高騰等の影響業種" xfId="11176"/>
    <cellStyle name="標準 3 5 7 2 6" xfId="3290"/>
    <cellStyle name="標準 3 5 7 2 7" xfId="6242"/>
    <cellStyle name="標準 3 5 7 2_原油高騰等の影響業種" xfId="11169"/>
    <cellStyle name="標準 3 5 7 3" xfId="527"/>
    <cellStyle name="標準 3 5 7 3 2" xfId="1265"/>
    <cellStyle name="標準 3 5 7 3 2 2" xfId="4217"/>
    <cellStyle name="標準 3 5 7 3 2 3" xfId="7169"/>
    <cellStyle name="標準 3 5 7 3 2_原油高騰等の影響業種" xfId="11178"/>
    <cellStyle name="標準 3 5 7 3 3" xfId="2003"/>
    <cellStyle name="標準 3 5 7 3 3 2" xfId="4955"/>
    <cellStyle name="標準 3 5 7 3 3 3" xfId="7907"/>
    <cellStyle name="標準 3 5 7 3 3_原油高騰等の影響業種" xfId="11179"/>
    <cellStyle name="標準 3 5 7 3 4" xfId="2741"/>
    <cellStyle name="標準 3 5 7 3 4 2" xfId="5693"/>
    <cellStyle name="標準 3 5 7 3 4 3" xfId="8645"/>
    <cellStyle name="標準 3 5 7 3 4_原油高騰等の影響業種" xfId="11180"/>
    <cellStyle name="標準 3 5 7 3 5" xfId="3479"/>
    <cellStyle name="標準 3 5 7 3 6" xfId="6431"/>
    <cellStyle name="標準 3 5 7 3_原油高騰等の影響業種" xfId="11177"/>
    <cellStyle name="標準 3 5 7 4" xfId="896"/>
    <cellStyle name="標準 3 5 7 4 2" xfId="3848"/>
    <cellStyle name="標準 3 5 7 4 3" xfId="6800"/>
    <cellStyle name="標準 3 5 7 4_原油高騰等の影響業種" xfId="11181"/>
    <cellStyle name="標準 3 5 7 5" xfId="1634"/>
    <cellStyle name="標準 3 5 7 5 2" xfId="4586"/>
    <cellStyle name="標準 3 5 7 5 3" xfId="7538"/>
    <cellStyle name="標準 3 5 7 5_原油高騰等の影響業種" xfId="11182"/>
    <cellStyle name="標準 3 5 7 6" xfId="2372"/>
    <cellStyle name="標準 3 5 7 6 2" xfId="5324"/>
    <cellStyle name="標準 3 5 7 6 3" xfId="8276"/>
    <cellStyle name="標準 3 5 7 6_原油高騰等の影響業種" xfId="11183"/>
    <cellStyle name="標準 3 5 7 7" xfId="3110"/>
    <cellStyle name="標準 3 5 7 8" xfId="6062"/>
    <cellStyle name="標準 3 5 7_原油高騰等の影響業種" xfId="11168"/>
    <cellStyle name="標準 3 5 8" xfId="199"/>
    <cellStyle name="標準 3 5 8 2" xfId="572"/>
    <cellStyle name="標準 3 5 8 2 2" xfId="1310"/>
    <cellStyle name="標準 3 5 8 2 2 2" xfId="4262"/>
    <cellStyle name="標準 3 5 8 2 2 3" xfId="7214"/>
    <cellStyle name="標準 3 5 8 2 2_原油高騰等の影響業種" xfId="11186"/>
    <cellStyle name="標準 3 5 8 2 3" xfId="2048"/>
    <cellStyle name="標準 3 5 8 2 3 2" xfId="5000"/>
    <cellStyle name="標準 3 5 8 2 3 3" xfId="7952"/>
    <cellStyle name="標準 3 5 8 2 3_原油高騰等の影響業種" xfId="11187"/>
    <cellStyle name="標準 3 5 8 2 4" xfId="2786"/>
    <cellStyle name="標準 3 5 8 2 4 2" xfId="5738"/>
    <cellStyle name="標準 3 5 8 2 4 3" xfId="8690"/>
    <cellStyle name="標準 3 5 8 2 4_原油高騰等の影響業種" xfId="11188"/>
    <cellStyle name="標準 3 5 8 2 5" xfId="3524"/>
    <cellStyle name="標準 3 5 8 2 6" xfId="6476"/>
    <cellStyle name="標準 3 5 8 2_原油高騰等の影響業種" xfId="11185"/>
    <cellStyle name="標準 3 5 8 3" xfId="941"/>
    <cellStyle name="標準 3 5 8 3 2" xfId="3893"/>
    <cellStyle name="標準 3 5 8 3 3" xfId="6845"/>
    <cellStyle name="標準 3 5 8 3_原油高騰等の影響業種" xfId="11189"/>
    <cellStyle name="標準 3 5 8 4" xfId="1679"/>
    <cellStyle name="標準 3 5 8 4 2" xfId="4631"/>
    <cellStyle name="標準 3 5 8 4 3" xfId="7583"/>
    <cellStyle name="標準 3 5 8 4_原油高騰等の影響業種" xfId="11190"/>
    <cellStyle name="標準 3 5 8 5" xfId="2417"/>
    <cellStyle name="標準 3 5 8 5 2" xfId="5369"/>
    <cellStyle name="標準 3 5 8 5 3" xfId="8321"/>
    <cellStyle name="標準 3 5 8 5_原油高騰等の影響業種" xfId="11191"/>
    <cellStyle name="標準 3 5 8 6" xfId="3155"/>
    <cellStyle name="標準 3 5 8 7" xfId="6107"/>
    <cellStyle name="標準 3 5 8_原油高騰等の影響業種" xfId="11184"/>
    <cellStyle name="標準 3 5 9" xfId="392"/>
    <cellStyle name="標準 3 5 9 2" xfId="1130"/>
    <cellStyle name="標準 3 5 9 2 2" xfId="4082"/>
    <cellStyle name="標準 3 5 9 2 3" xfId="7034"/>
    <cellStyle name="標準 3 5 9 2_原油高騰等の影響業種" xfId="11193"/>
    <cellStyle name="標準 3 5 9 3" xfId="1868"/>
    <cellStyle name="標準 3 5 9 3 2" xfId="4820"/>
    <cellStyle name="標準 3 5 9 3 3" xfId="7772"/>
    <cellStyle name="標準 3 5 9 3_原油高騰等の影響業種" xfId="11194"/>
    <cellStyle name="標準 3 5 9 4" xfId="2606"/>
    <cellStyle name="標準 3 5 9 4 2" xfId="5558"/>
    <cellStyle name="標準 3 5 9 4 3" xfId="8510"/>
    <cellStyle name="標準 3 5 9 4_原油高騰等の影響業種" xfId="11195"/>
    <cellStyle name="標準 3 5 9 5" xfId="3344"/>
    <cellStyle name="標準 3 5 9 6" xfId="6296"/>
    <cellStyle name="標準 3 5 9_原油高騰等の影響業種" xfId="11192"/>
    <cellStyle name="標準 3 5_原油高騰等の影響業種" xfId="10876"/>
    <cellStyle name="標準 3 6" xfId="21"/>
    <cellStyle name="標準 3 6 10" xfId="2239"/>
    <cellStyle name="標準 3 6 10 2" xfId="5191"/>
    <cellStyle name="標準 3 6 10 3" xfId="8143"/>
    <cellStyle name="標準 3 6 10_原油高騰等の影響業種" xfId="11197"/>
    <cellStyle name="標準 3 6 11" xfId="2977"/>
    <cellStyle name="標準 3 6 12" xfId="5929"/>
    <cellStyle name="標準 3 6 2" xfId="39"/>
    <cellStyle name="標準 3 6 2 10" xfId="2995"/>
    <cellStyle name="標準 3 6 2 11" xfId="5947"/>
    <cellStyle name="標準 3 6 2 2" xfId="84"/>
    <cellStyle name="標準 3 6 2 2 2" xfId="264"/>
    <cellStyle name="標準 3 6 2 2 2 2" xfId="637"/>
    <cellStyle name="標準 3 6 2 2 2 2 2" xfId="1375"/>
    <cellStyle name="標準 3 6 2 2 2 2 2 2" xfId="4327"/>
    <cellStyle name="標準 3 6 2 2 2 2 2 3" xfId="7279"/>
    <cellStyle name="標準 3 6 2 2 2 2 2_原油高騰等の影響業種" xfId="11202"/>
    <cellStyle name="標準 3 6 2 2 2 2 3" xfId="2113"/>
    <cellStyle name="標準 3 6 2 2 2 2 3 2" xfId="5065"/>
    <cellStyle name="標準 3 6 2 2 2 2 3 3" xfId="8017"/>
    <cellStyle name="標準 3 6 2 2 2 2 3_原油高騰等の影響業種" xfId="11203"/>
    <cellStyle name="標準 3 6 2 2 2 2 4" xfId="2851"/>
    <cellStyle name="標準 3 6 2 2 2 2 4 2" xfId="5803"/>
    <cellStyle name="標準 3 6 2 2 2 2 4 3" xfId="8755"/>
    <cellStyle name="標準 3 6 2 2 2 2 4_原油高騰等の影響業種" xfId="11204"/>
    <cellStyle name="標準 3 6 2 2 2 2 5" xfId="3589"/>
    <cellStyle name="標準 3 6 2 2 2 2 6" xfId="6541"/>
    <cellStyle name="標準 3 6 2 2 2 2_原油高騰等の影響業種" xfId="11201"/>
    <cellStyle name="標準 3 6 2 2 2 3" xfId="1006"/>
    <cellStyle name="標準 3 6 2 2 2 3 2" xfId="3958"/>
    <cellStyle name="標準 3 6 2 2 2 3 3" xfId="6910"/>
    <cellStyle name="標準 3 6 2 2 2 3_原油高騰等の影響業種" xfId="11205"/>
    <cellStyle name="標準 3 6 2 2 2 4" xfId="1744"/>
    <cellStyle name="標準 3 6 2 2 2 4 2" xfId="4696"/>
    <cellStyle name="標準 3 6 2 2 2 4 3" xfId="7648"/>
    <cellStyle name="標準 3 6 2 2 2 4_原油高騰等の影響業種" xfId="11206"/>
    <cellStyle name="標準 3 6 2 2 2 5" xfId="2482"/>
    <cellStyle name="標準 3 6 2 2 2 5 2" xfId="5434"/>
    <cellStyle name="標準 3 6 2 2 2 5 3" xfId="8386"/>
    <cellStyle name="標準 3 6 2 2 2 5_原油高騰等の影響業種" xfId="11207"/>
    <cellStyle name="標準 3 6 2 2 2 6" xfId="3220"/>
    <cellStyle name="標準 3 6 2 2 2 7" xfId="6172"/>
    <cellStyle name="標準 3 6 2 2 2_原油高騰等の影響業種" xfId="11200"/>
    <cellStyle name="標準 3 6 2 2 3" xfId="457"/>
    <cellStyle name="標準 3 6 2 2 3 2" xfId="1195"/>
    <cellStyle name="標準 3 6 2 2 3 2 2" xfId="4147"/>
    <cellStyle name="標準 3 6 2 2 3 2 3" xfId="7099"/>
    <cellStyle name="標準 3 6 2 2 3 2_原油高騰等の影響業種" xfId="11209"/>
    <cellStyle name="標準 3 6 2 2 3 3" xfId="1933"/>
    <cellStyle name="標準 3 6 2 2 3 3 2" xfId="4885"/>
    <cellStyle name="標準 3 6 2 2 3 3 3" xfId="7837"/>
    <cellStyle name="標準 3 6 2 2 3 3_原油高騰等の影響業種" xfId="11210"/>
    <cellStyle name="標準 3 6 2 2 3 4" xfId="2671"/>
    <cellStyle name="標準 3 6 2 2 3 4 2" xfId="5623"/>
    <cellStyle name="標準 3 6 2 2 3 4 3" xfId="8575"/>
    <cellStyle name="標準 3 6 2 2 3 4_原油高騰等の影響業種" xfId="11211"/>
    <cellStyle name="標準 3 6 2 2 3 5" xfId="3409"/>
    <cellStyle name="標準 3 6 2 2 3 6" xfId="6361"/>
    <cellStyle name="標準 3 6 2 2 3_原油高騰等の影響業種" xfId="11208"/>
    <cellStyle name="標準 3 6 2 2 4" xfId="826"/>
    <cellStyle name="標準 3 6 2 2 4 2" xfId="3778"/>
    <cellStyle name="標準 3 6 2 2 4 3" xfId="6730"/>
    <cellStyle name="標準 3 6 2 2 4_原油高騰等の影響業種" xfId="11212"/>
    <cellStyle name="標準 3 6 2 2 5" xfId="1564"/>
    <cellStyle name="標準 3 6 2 2 5 2" xfId="4516"/>
    <cellStyle name="標準 3 6 2 2 5 3" xfId="7468"/>
    <cellStyle name="標準 3 6 2 2 5_原油高騰等の影響業種" xfId="11213"/>
    <cellStyle name="標準 3 6 2 2 6" xfId="2302"/>
    <cellStyle name="標準 3 6 2 2 6 2" xfId="5254"/>
    <cellStyle name="標準 3 6 2 2 6 3" xfId="8206"/>
    <cellStyle name="標準 3 6 2 2 6_原油高騰等の影響業種" xfId="11214"/>
    <cellStyle name="標準 3 6 2 2 7" xfId="3040"/>
    <cellStyle name="標準 3 6 2 2 8" xfId="5992"/>
    <cellStyle name="標準 3 6 2 2_原油高騰等の影響業種" xfId="11199"/>
    <cellStyle name="標準 3 6 2 3" xfId="129"/>
    <cellStyle name="標準 3 6 2 3 2" xfId="309"/>
    <cellStyle name="標準 3 6 2 3 2 2" xfId="682"/>
    <cellStyle name="標準 3 6 2 3 2 2 2" xfId="1420"/>
    <cellStyle name="標準 3 6 2 3 2 2 2 2" xfId="4372"/>
    <cellStyle name="標準 3 6 2 3 2 2 2 3" xfId="7324"/>
    <cellStyle name="標準 3 6 2 3 2 2 2_原油高騰等の影響業種" xfId="11218"/>
    <cellStyle name="標準 3 6 2 3 2 2 3" xfId="2158"/>
    <cellStyle name="標準 3 6 2 3 2 2 3 2" xfId="5110"/>
    <cellStyle name="標準 3 6 2 3 2 2 3 3" xfId="8062"/>
    <cellStyle name="標準 3 6 2 3 2 2 3_原油高騰等の影響業種" xfId="11219"/>
    <cellStyle name="標準 3 6 2 3 2 2 4" xfId="2896"/>
    <cellStyle name="標準 3 6 2 3 2 2 4 2" xfId="5848"/>
    <cellStyle name="標準 3 6 2 3 2 2 4 3" xfId="8800"/>
    <cellStyle name="標準 3 6 2 3 2 2 4_原油高騰等の影響業種" xfId="11220"/>
    <cellStyle name="標準 3 6 2 3 2 2 5" xfId="3634"/>
    <cellStyle name="標準 3 6 2 3 2 2 6" xfId="6586"/>
    <cellStyle name="標準 3 6 2 3 2 2_原油高騰等の影響業種" xfId="11217"/>
    <cellStyle name="標準 3 6 2 3 2 3" xfId="1051"/>
    <cellStyle name="標準 3 6 2 3 2 3 2" xfId="4003"/>
    <cellStyle name="標準 3 6 2 3 2 3 3" xfId="6955"/>
    <cellStyle name="標準 3 6 2 3 2 3_原油高騰等の影響業種" xfId="11221"/>
    <cellStyle name="標準 3 6 2 3 2 4" xfId="1789"/>
    <cellStyle name="標準 3 6 2 3 2 4 2" xfId="4741"/>
    <cellStyle name="標準 3 6 2 3 2 4 3" xfId="7693"/>
    <cellStyle name="標準 3 6 2 3 2 4_原油高騰等の影響業種" xfId="11222"/>
    <cellStyle name="標準 3 6 2 3 2 5" xfId="2527"/>
    <cellStyle name="標準 3 6 2 3 2 5 2" xfId="5479"/>
    <cellStyle name="標準 3 6 2 3 2 5 3" xfId="8431"/>
    <cellStyle name="標準 3 6 2 3 2 5_原油高騰等の影響業種" xfId="11223"/>
    <cellStyle name="標準 3 6 2 3 2 6" xfId="3265"/>
    <cellStyle name="標準 3 6 2 3 2 7" xfId="6217"/>
    <cellStyle name="標準 3 6 2 3 2_原油高騰等の影響業種" xfId="11216"/>
    <cellStyle name="標準 3 6 2 3 3" xfId="502"/>
    <cellStyle name="標準 3 6 2 3 3 2" xfId="1240"/>
    <cellStyle name="標準 3 6 2 3 3 2 2" xfId="4192"/>
    <cellStyle name="標準 3 6 2 3 3 2 3" xfId="7144"/>
    <cellStyle name="標準 3 6 2 3 3 2_原油高騰等の影響業種" xfId="11225"/>
    <cellStyle name="標準 3 6 2 3 3 3" xfId="1978"/>
    <cellStyle name="標準 3 6 2 3 3 3 2" xfId="4930"/>
    <cellStyle name="標準 3 6 2 3 3 3 3" xfId="7882"/>
    <cellStyle name="標準 3 6 2 3 3 3_原油高騰等の影響業種" xfId="11226"/>
    <cellStyle name="標準 3 6 2 3 3 4" xfId="2716"/>
    <cellStyle name="標準 3 6 2 3 3 4 2" xfId="5668"/>
    <cellStyle name="標準 3 6 2 3 3 4 3" xfId="8620"/>
    <cellStyle name="標準 3 6 2 3 3 4_原油高騰等の影響業種" xfId="11227"/>
    <cellStyle name="標準 3 6 2 3 3 5" xfId="3454"/>
    <cellStyle name="標準 3 6 2 3 3 6" xfId="6406"/>
    <cellStyle name="標準 3 6 2 3 3_原油高騰等の影響業種" xfId="11224"/>
    <cellStyle name="標準 3 6 2 3 4" xfId="871"/>
    <cellStyle name="標準 3 6 2 3 4 2" xfId="3823"/>
    <cellStyle name="標準 3 6 2 3 4 3" xfId="6775"/>
    <cellStyle name="標準 3 6 2 3 4_原油高騰等の影響業種" xfId="11228"/>
    <cellStyle name="標準 3 6 2 3 5" xfId="1609"/>
    <cellStyle name="標準 3 6 2 3 5 2" xfId="4561"/>
    <cellStyle name="標準 3 6 2 3 5 3" xfId="7513"/>
    <cellStyle name="標準 3 6 2 3 5_原油高騰等の影響業種" xfId="11229"/>
    <cellStyle name="標準 3 6 2 3 6" xfId="2347"/>
    <cellStyle name="標準 3 6 2 3 6 2" xfId="5299"/>
    <cellStyle name="標準 3 6 2 3 6 3" xfId="8251"/>
    <cellStyle name="標準 3 6 2 3 6_原油高騰等の影響業種" xfId="11230"/>
    <cellStyle name="標準 3 6 2 3 7" xfId="3085"/>
    <cellStyle name="標準 3 6 2 3 8" xfId="6037"/>
    <cellStyle name="標準 3 6 2 3_原油高騰等の影響業種" xfId="11215"/>
    <cellStyle name="標準 3 6 2 4" xfId="174"/>
    <cellStyle name="標準 3 6 2 4 2" xfId="354"/>
    <cellStyle name="標準 3 6 2 4 2 2" xfId="727"/>
    <cellStyle name="標準 3 6 2 4 2 2 2" xfId="1465"/>
    <cellStyle name="標準 3 6 2 4 2 2 2 2" xfId="4417"/>
    <cellStyle name="標準 3 6 2 4 2 2 2 3" xfId="7369"/>
    <cellStyle name="標準 3 6 2 4 2 2 2_原油高騰等の影響業種" xfId="11234"/>
    <cellStyle name="標準 3 6 2 4 2 2 3" xfId="2203"/>
    <cellStyle name="標準 3 6 2 4 2 2 3 2" xfId="5155"/>
    <cellStyle name="標準 3 6 2 4 2 2 3 3" xfId="8107"/>
    <cellStyle name="標準 3 6 2 4 2 2 3_原油高騰等の影響業種" xfId="11235"/>
    <cellStyle name="標準 3 6 2 4 2 2 4" xfId="2941"/>
    <cellStyle name="標準 3 6 2 4 2 2 4 2" xfId="5893"/>
    <cellStyle name="標準 3 6 2 4 2 2 4 3" xfId="8845"/>
    <cellStyle name="標準 3 6 2 4 2 2 4_原油高騰等の影響業種" xfId="11236"/>
    <cellStyle name="標準 3 6 2 4 2 2 5" xfId="3679"/>
    <cellStyle name="標準 3 6 2 4 2 2 6" xfId="6631"/>
    <cellStyle name="標準 3 6 2 4 2 2_原油高騰等の影響業種" xfId="11233"/>
    <cellStyle name="標準 3 6 2 4 2 3" xfId="1096"/>
    <cellStyle name="標準 3 6 2 4 2 3 2" xfId="4048"/>
    <cellStyle name="標準 3 6 2 4 2 3 3" xfId="7000"/>
    <cellStyle name="標準 3 6 2 4 2 3_原油高騰等の影響業種" xfId="11237"/>
    <cellStyle name="標準 3 6 2 4 2 4" xfId="1834"/>
    <cellStyle name="標準 3 6 2 4 2 4 2" xfId="4786"/>
    <cellStyle name="標準 3 6 2 4 2 4 3" xfId="7738"/>
    <cellStyle name="標準 3 6 2 4 2 4_原油高騰等の影響業種" xfId="11238"/>
    <cellStyle name="標準 3 6 2 4 2 5" xfId="2572"/>
    <cellStyle name="標準 3 6 2 4 2 5 2" xfId="5524"/>
    <cellStyle name="標準 3 6 2 4 2 5 3" xfId="8476"/>
    <cellStyle name="標準 3 6 2 4 2 5_原油高騰等の影響業種" xfId="11239"/>
    <cellStyle name="標準 3 6 2 4 2 6" xfId="3310"/>
    <cellStyle name="標準 3 6 2 4 2 7" xfId="6262"/>
    <cellStyle name="標準 3 6 2 4 2_原油高騰等の影響業種" xfId="11232"/>
    <cellStyle name="標準 3 6 2 4 3" xfId="547"/>
    <cellStyle name="標準 3 6 2 4 3 2" xfId="1285"/>
    <cellStyle name="標準 3 6 2 4 3 2 2" xfId="4237"/>
    <cellStyle name="標準 3 6 2 4 3 2 3" xfId="7189"/>
    <cellStyle name="標準 3 6 2 4 3 2_原油高騰等の影響業種" xfId="11241"/>
    <cellStyle name="標準 3 6 2 4 3 3" xfId="2023"/>
    <cellStyle name="標準 3 6 2 4 3 3 2" xfId="4975"/>
    <cellStyle name="標準 3 6 2 4 3 3 3" xfId="7927"/>
    <cellStyle name="標準 3 6 2 4 3 3_原油高騰等の影響業種" xfId="11242"/>
    <cellStyle name="標準 3 6 2 4 3 4" xfId="2761"/>
    <cellStyle name="標準 3 6 2 4 3 4 2" xfId="5713"/>
    <cellStyle name="標準 3 6 2 4 3 4 3" xfId="8665"/>
    <cellStyle name="標準 3 6 2 4 3 4_原油高騰等の影響業種" xfId="11243"/>
    <cellStyle name="標準 3 6 2 4 3 5" xfId="3499"/>
    <cellStyle name="標準 3 6 2 4 3 6" xfId="6451"/>
    <cellStyle name="標準 3 6 2 4 3_原油高騰等の影響業種" xfId="11240"/>
    <cellStyle name="標準 3 6 2 4 4" xfId="916"/>
    <cellStyle name="標準 3 6 2 4 4 2" xfId="3868"/>
    <cellStyle name="標準 3 6 2 4 4 3" xfId="6820"/>
    <cellStyle name="標準 3 6 2 4 4_原油高騰等の影響業種" xfId="11244"/>
    <cellStyle name="標準 3 6 2 4 5" xfId="1654"/>
    <cellStyle name="標準 3 6 2 4 5 2" xfId="4606"/>
    <cellStyle name="標準 3 6 2 4 5 3" xfId="7558"/>
    <cellStyle name="標準 3 6 2 4 5_原油高騰等の影響業種" xfId="11245"/>
    <cellStyle name="標準 3 6 2 4 6" xfId="2392"/>
    <cellStyle name="標準 3 6 2 4 6 2" xfId="5344"/>
    <cellStyle name="標準 3 6 2 4 6 3" xfId="8296"/>
    <cellStyle name="標準 3 6 2 4 6_原油高騰等の影響業種" xfId="11246"/>
    <cellStyle name="標準 3 6 2 4 7" xfId="3130"/>
    <cellStyle name="標準 3 6 2 4 8" xfId="6082"/>
    <cellStyle name="標準 3 6 2 4_原油高騰等の影響業種" xfId="11231"/>
    <cellStyle name="標準 3 6 2 5" xfId="219"/>
    <cellStyle name="標準 3 6 2 5 2" xfId="592"/>
    <cellStyle name="標準 3 6 2 5 2 2" xfId="1330"/>
    <cellStyle name="標準 3 6 2 5 2 2 2" xfId="4282"/>
    <cellStyle name="標準 3 6 2 5 2 2 3" xfId="7234"/>
    <cellStyle name="標準 3 6 2 5 2 2_原油高騰等の影響業種" xfId="11249"/>
    <cellStyle name="標準 3 6 2 5 2 3" xfId="2068"/>
    <cellStyle name="標準 3 6 2 5 2 3 2" xfId="5020"/>
    <cellStyle name="標準 3 6 2 5 2 3 3" xfId="7972"/>
    <cellStyle name="標準 3 6 2 5 2 3_原油高騰等の影響業種" xfId="11250"/>
    <cellStyle name="標準 3 6 2 5 2 4" xfId="2806"/>
    <cellStyle name="標準 3 6 2 5 2 4 2" xfId="5758"/>
    <cellStyle name="標準 3 6 2 5 2 4 3" xfId="8710"/>
    <cellStyle name="標準 3 6 2 5 2 4_原油高騰等の影響業種" xfId="11251"/>
    <cellStyle name="標準 3 6 2 5 2 5" xfId="3544"/>
    <cellStyle name="標準 3 6 2 5 2 6" xfId="6496"/>
    <cellStyle name="標準 3 6 2 5 2_原油高騰等の影響業種" xfId="11248"/>
    <cellStyle name="標準 3 6 2 5 3" xfId="961"/>
    <cellStyle name="標準 3 6 2 5 3 2" xfId="3913"/>
    <cellStyle name="標準 3 6 2 5 3 3" xfId="6865"/>
    <cellStyle name="標準 3 6 2 5 3_原油高騰等の影響業種" xfId="11252"/>
    <cellStyle name="標準 3 6 2 5 4" xfId="1699"/>
    <cellStyle name="標準 3 6 2 5 4 2" xfId="4651"/>
    <cellStyle name="標準 3 6 2 5 4 3" xfId="7603"/>
    <cellStyle name="標準 3 6 2 5 4_原油高騰等の影響業種" xfId="11253"/>
    <cellStyle name="標準 3 6 2 5 5" xfId="2437"/>
    <cellStyle name="標準 3 6 2 5 5 2" xfId="5389"/>
    <cellStyle name="標準 3 6 2 5 5 3" xfId="8341"/>
    <cellStyle name="標準 3 6 2 5 5_原油高騰等の影響業種" xfId="11254"/>
    <cellStyle name="標準 3 6 2 5 6" xfId="3175"/>
    <cellStyle name="標準 3 6 2 5 7" xfId="6127"/>
    <cellStyle name="標準 3 6 2 5_原油高騰等の影響業種" xfId="11247"/>
    <cellStyle name="標準 3 6 2 6" xfId="412"/>
    <cellStyle name="標準 3 6 2 6 2" xfId="1150"/>
    <cellStyle name="標準 3 6 2 6 2 2" xfId="4102"/>
    <cellStyle name="標準 3 6 2 6 2 3" xfId="7054"/>
    <cellStyle name="標準 3 6 2 6 2_原油高騰等の影響業種" xfId="11256"/>
    <cellStyle name="標準 3 6 2 6 3" xfId="1888"/>
    <cellStyle name="標準 3 6 2 6 3 2" xfId="4840"/>
    <cellStyle name="標準 3 6 2 6 3 3" xfId="7792"/>
    <cellStyle name="標準 3 6 2 6 3_原油高騰等の影響業種" xfId="11257"/>
    <cellStyle name="標準 3 6 2 6 4" xfId="2626"/>
    <cellStyle name="標準 3 6 2 6 4 2" xfId="5578"/>
    <cellStyle name="標準 3 6 2 6 4 3" xfId="8530"/>
    <cellStyle name="標準 3 6 2 6 4_原油高騰等の影響業種" xfId="11258"/>
    <cellStyle name="標準 3 6 2 6 5" xfId="3364"/>
    <cellStyle name="標準 3 6 2 6 6" xfId="6316"/>
    <cellStyle name="標準 3 6 2 6_原油高騰等の影響業種" xfId="11255"/>
    <cellStyle name="標準 3 6 2 7" xfId="781"/>
    <cellStyle name="標準 3 6 2 7 2" xfId="3733"/>
    <cellStyle name="標準 3 6 2 7 3" xfId="6685"/>
    <cellStyle name="標準 3 6 2 7_原油高騰等の影響業種" xfId="11259"/>
    <cellStyle name="標準 3 6 2 8" xfId="1519"/>
    <cellStyle name="標準 3 6 2 8 2" xfId="4471"/>
    <cellStyle name="標準 3 6 2 8 3" xfId="7423"/>
    <cellStyle name="標準 3 6 2 8_原油高騰等の影響業種" xfId="11260"/>
    <cellStyle name="標準 3 6 2 9" xfId="2257"/>
    <cellStyle name="標準 3 6 2 9 2" xfId="5209"/>
    <cellStyle name="標準 3 6 2 9 3" xfId="8161"/>
    <cellStyle name="標準 3 6 2 9_原油高騰等の影響業種" xfId="11261"/>
    <cellStyle name="標準 3 6 2_原油高騰等の影響業種" xfId="11198"/>
    <cellStyle name="標準 3 6 3" xfId="66"/>
    <cellStyle name="標準 3 6 3 2" xfId="246"/>
    <cellStyle name="標準 3 6 3 2 2" xfId="619"/>
    <cellStyle name="標準 3 6 3 2 2 2" xfId="1357"/>
    <cellStyle name="標準 3 6 3 2 2 2 2" xfId="4309"/>
    <cellStyle name="標準 3 6 3 2 2 2 3" xfId="7261"/>
    <cellStyle name="標準 3 6 3 2 2 2_原油高騰等の影響業種" xfId="11265"/>
    <cellStyle name="標準 3 6 3 2 2 3" xfId="2095"/>
    <cellStyle name="標準 3 6 3 2 2 3 2" xfId="5047"/>
    <cellStyle name="標準 3 6 3 2 2 3 3" xfId="7999"/>
    <cellStyle name="標準 3 6 3 2 2 3_原油高騰等の影響業種" xfId="11266"/>
    <cellStyle name="標準 3 6 3 2 2 4" xfId="2833"/>
    <cellStyle name="標準 3 6 3 2 2 4 2" xfId="5785"/>
    <cellStyle name="標準 3 6 3 2 2 4 3" xfId="8737"/>
    <cellStyle name="標準 3 6 3 2 2 4_原油高騰等の影響業種" xfId="11267"/>
    <cellStyle name="標準 3 6 3 2 2 5" xfId="3571"/>
    <cellStyle name="標準 3 6 3 2 2 6" xfId="6523"/>
    <cellStyle name="標準 3 6 3 2 2_原油高騰等の影響業種" xfId="11264"/>
    <cellStyle name="標準 3 6 3 2 3" xfId="988"/>
    <cellStyle name="標準 3 6 3 2 3 2" xfId="3940"/>
    <cellStyle name="標準 3 6 3 2 3 3" xfId="6892"/>
    <cellStyle name="標準 3 6 3 2 3_原油高騰等の影響業種" xfId="11268"/>
    <cellStyle name="標準 3 6 3 2 4" xfId="1726"/>
    <cellStyle name="標準 3 6 3 2 4 2" xfId="4678"/>
    <cellStyle name="標準 3 6 3 2 4 3" xfId="7630"/>
    <cellStyle name="標準 3 6 3 2 4_原油高騰等の影響業種" xfId="11269"/>
    <cellStyle name="標準 3 6 3 2 5" xfId="2464"/>
    <cellStyle name="標準 3 6 3 2 5 2" xfId="5416"/>
    <cellStyle name="標準 3 6 3 2 5 3" xfId="8368"/>
    <cellStyle name="標準 3 6 3 2 5_原油高騰等の影響業種" xfId="11270"/>
    <cellStyle name="標準 3 6 3 2 6" xfId="3202"/>
    <cellStyle name="標準 3 6 3 2 7" xfId="6154"/>
    <cellStyle name="標準 3 6 3 2_原油高騰等の影響業種" xfId="11263"/>
    <cellStyle name="標準 3 6 3 3" xfId="439"/>
    <cellStyle name="標準 3 6 3 3 2" xfId="1177"/>
    <cellStyle name="標準 3 6 3 3 2 2" xfId="4129"/>
    <cellStyle name="標準 3 6 3 3 2 3" xfId="7081"/>
    <cellStyle name="標準 3 6 3 3 2_原油高騰等の影響業種" xfId="11272"/>
    <cellStyle name="標準 3 6 3 3 3" xfId="1915"/>
    <cellStyle name="標準 3 6 3 3 3 2" xfId="4867"/>
    <cellStyle name="標準 3 6 3 3 3 3" xfId="7819"/>
    <cellStyle name="標準 3 6 3 3 3_原油高騰等の影響業種" xfId="11273"/>
    <cellStyle name="標準 3 6 3 3 4" xfId="2653"/>
    <cellStyle name="標準 3 6 3 3 4 2" xfId="5605"/>
    <cellStyle name="標準 3 6 3 3 4 3" xfId="8557"/>
    <cellStyle name="標準 3 6 3 3 4_原油高騰等の影響業種" xfId="11274"/>
    <cellStyle name="標準 3 6 3 3 5" xfId="3391"/>
    <cellStyle name="標準 3 6 3 3 6" xfId="6343"/>
    <cellStyle name="標準 3 6 3 3_原油高騰等の影響業種" xfId="11271"/>
    <cellStyle name="標準 3 6 3 4" xfId="808"/>
    <cellStyle name="標準 3 6 3 4 2" xfId="3760"/>
    <cellStyle name="標準 3 6 3 4 3" xfId="6712"/>
    <cellStyle name="標準 3 6 3 4_原油高騰等の影響業種" xfId="11275"/>
    <cellStyle name="標準 3 6 3 5" xfId="1546"/>
    <cellStyle name="標準 3 6 3 5 2" xfId="4498"/>
    <cellStyle name="標準 3 6 3 5 3" xfId="7450"/>
    <cellStyle name="標準 3 6 3 5_原油高騰等の影響業種" xfId="11276"/>
    <cellStyle name="標準 3 6 3 6" xfId="2284"/>
    <cellStyle name="標準 3 6 3 6 2" xfId="5236"/>
    <cellStyle name="標準 3 6 3 6 3" xfId="8188"/>
    <cellStyle name="標準 3 6 3 6_原油高騰等の影響業種" xfId="11277"/>
    <cellStyle name="標準 3 6 3 7" xfId="3022"/>
    <cellStyle name="標準 3 6 3 8" xfId="5974"/>
    <cellStyle name="標準 3 6 3_原油高騰等の影響業種" xfId="11262"/>
    <cellStyle name="標準 3 6 4" xfId="111"/>
    <cellStyle name="標準 3 6 4 2" xfId="291"/>
    <cellStyle name="標準 3 6 4 2 2" xfId="664"/>
    <cellStyle name="標準 3 6 4 2 2 2" xfId="1402"/>
    <cellStyle name="標準 3 6 4 2 2 2 2" xfId="4354"/>
    <cellStyle name="標準 3 6 4 2 2 2 3" xfId="7306"/>
    <cellStyle name="標準 3 6 4 2 2 2_原油高騰等の影響業種" xfId="11281"/>
    <cellStyle name="標準 3 6 4 2 2 3" xfId="2140"/>
    <cellStyle name="標準 3 6 4 2 2 3 2" xfId="5092"/>
    <cellStyle name="標準 3 6 4 2 2 3 3" xfId="8044"/>
    <cellStyle name="標準 3 6 4 2 2 3_原油高騰等の影響業種" xfId="11282"/>
    <cellStyle name="標準 3 6 4 2 2 4" xfId="2878"/>
    <cellStyle name="標準 3 6 4 2 2 4 2" xfId="5830"/>
    <cellStyle name="標準 3 6 4 2 2 4 3" xfId="8782"/>
    <cellStyle name="標準 3 6 4 2 2 4_原油高騰等の影響業種" xfId="11283"/>
    <cellStyle name="標準 3 6 4 2 2 5" xfId="3616"/>
    <cellStyle name="標準 3 6 4 2 2 6" xfId="6568"/>
    <cellStyle name="標準 3 6 4 2 2_原油高騰等の影響業種" xfId="11280"/>
    <cellStyle name="標準 3 6 4 2 3" xfId="1033"/>
    <cellStyle name="標準 3 6 4 2 3 2" xfId="3985"/>
    <cellStyle name="標準 3 6 4 2 3 3" xfId="6937"/>
    <cellStyle name="標準 3 6 4 2 3_原油高騰等の影響業種" xfId="11284"/>
    <cellStyle name="標準 3 6 4 2 4" xfId="1771"/>
    <cellStyle name="標準 3 6 4 2 4 2" xfId="4723"/>
    <cellStyle name="標準 3 6 4 2 4 3" xfId="7675"/>
    <cellStyle name="標準 3 6 4 2 4_原油高騰等の影響業種" xfId="11285"/>
    <cellStyle name="標準 3 6 4 2 5" xfId="2509"/>
    <cellStyle name="標準 3 6 4 2 5 2" xfId="5461"/>
    <cellStyle name="標準 3 6 4 2 5 3" xfId="8413"/>
    <cellStyle name="標準 3 6 4 2 5_原油高騰等の影響業種" xfId="11286"/>
    <cellStyle name="標準 3 6 4 2 6" xfId="3247"/>
    <cellStyle name="標準 3 6 4 2 7" xfId="6199"/>
    <cellStyle name="標準 3 6 4 2_原油高騰等の影響業種" xfId="11279"/>
    <cellStyle name="標準 3 6 4 3" xfId="484"/>
    <cellStyle name="標準 3 6 4 3 2" xfId="1222"/>
    <cellStyle name="標準 3 6 4 3 2 2" xfId="4174"/>
    <cellStyle name="標準 3 6 4 3 2 3" xfId="7126"/>
    <cellStyle name="標準 3 6 4 3 2_原油高騰等の影響業種" xfId="11288"/>
    <cellStyle name="標準 3 6 4 3 3" xfId="1960"/>
    <cellStyle name="標準 3 6 4 3 3 2" xfId="4912"/>
    <cellStyle name="標準 3 6 4 3 3 3" xfId="7864"/>
    <cellStyle name="標準 3 6 4 3 3_原油高騰等の影響業種" xfId="11289"/>
    <cellStyle name="標準 3 6 4 3 4" xfId="2698"/>
    <cellStyle name="標準 3 6 4 3 4 2" xfId="5650"/>
    <cellStyle name="標準 3 6 4 3 4 3" xfId="8602"/>
    <cellStyle name="標準 3 6 4 3 4_原油高騰等の影響業種" xfId="11290"/>
    <cellStyle name="標準 3 6 4 3 5" xfId="3436"/>
    <cellStyle name="標準 3 6 4 3 6" xfId="6388"/>
    <cellStyle name="標準 3 6 4 3_原油高騰等の影響業種" xfId="11287"/>
    <cellStyle name="標準 3 6 4 4" xfId="853"/>
    <cellStyle name="標準 3 6 4 4 2" xfId="3805"/>
    <cellStyle name="標準 3 6 4 4 3" xfId="6757"/>
    <cellStyle name="標準 3 6 4 4_原油高騰等の影響業種" xfId="11291"/>
    <cellStyle name="標準 3 6 4 5" xfId="1591"/>
    <cellStyle name="標準 3 6 4 5 2" xfId="4543"/>
    <cellStyle name="標準 3 6 4 5 3" xfId="7495"/>
    <cellStyle name="標準 3 6 4 5_原油高騰等の影響業種" xfId="11292"/>
    <cellStyle name="標準 3 6 4 6" xfId="2329"/>
    <cellStyle name="標準 3 6 4 6 2" xfId="5281"/>
    <cellStyle name="標準 3 6 4 6 3" xfId="8233"/>
    <cellStyle name="標準 3 6 4 6_原油高騰等の影響業種" xfId="11293"/>
    <cellStyle name="標準 3 6 4 7" xfId="3067"/>
    <cellStyle name="標準 3 6 4 8" xfId="6019"/>
    <cellStyle name="標準 3 6 4_原油高騰等の影響業種" xfId="11278"/>
    <cellStyle name="標準 3 6 5" xfId="156"/>
    <cellStyle name="標準 3 6 5 2" xfId="336"/>
    <cellStyle name="標準 3 6 5 2 2" xfId="709"/>
    <cellStyle name="標準 3 6 5 2 2 2" xfId="1447"/>
    <cellStyle name="標準 3 6 5 2 2 2 2" xfId="4399"/>
    <cellStyle name="標準 3 6 5 2 2 2 3" xfId="7351"/>
    <cellStyle name="標準 3 6 5 2 2 2_原油高騰等の影響業種" xfId="11297"/>
    <cellStyle name="標準 3 6 5 2 2 3" xfId="2185"/>
    <cellStyle name="標準 3 6 5 2 2 3 2" xfId="5137"/>
    <cellStyle name="標準 3 6 5 2 2 3 3" xfId="8089"/>
    <cellStyle name="標準 3 6 5 2 2 3_原油高騰等の影響業種" xfId="11298"/>
    <cellStyle name="標準 3 6 5 2 2 4" xfId="2923"/>
    <cellStyle name="標準 3 6 5 2 2 4 2" xfId="5875"/>
    <cellStyle name="標準 3 6 5 2 2 4 3" xfId="8827"/>
    <cellStyle name="標準 3 6 5 2 2 4_原油高騰等の影響業種" xfId="11299"/>
    <cellStyle name="標準 3 6 5 2 2 5" xfId="3661"/>
    <cellStyle name="標準 3 6 5 2 2 6" xfId="6613"/>
    <cellStyle name="標準 3 6 5 2 2_原油高騰等の影響業種" xfId="11296"/>
    <cellStyle name="標準 3 6 5 2 3" xfId="1078"/>
    <cellStyle name="標準 3 6 5 2 3 2" xfId="4030"/>
    <cellStyle name="標準 3 6 5 2 3 3" xfId="6982"/>
    <cellStyle name="標準 3 6 5 2 3_原油高騰等の影響業種" xfId="11300"/>
    <cellStyle name="標準 3 6 5 2 4" xfId="1816"/>
    <cellStyle name="標準 3 6 5 2 4 2" xfId="4768"/>
    <cellStyle name="標準 3 6 5 2 4 3" xfId="7720"/>
    <cellStyle name="標準 3 6 5 2 4_原油高騰等の影響業種" xfId="11301"/>
    <cellStyle name="標準 3 6 5 2 5" xfId="2554"/>
    <cellStyle name="標準 3 6 5 2 5 2" xfId="5506"/>
    <cellStyle name="標準 3 6 5 2 5 3" xfId="8458"/>
    <cellStyle name="標準 3 6 5 2 5_原油高騰等の影響業種" xfId="11302"/>
    <cellStyle name="標準 3 6 5 2 6" xfId="3292"/>
    <cellStyle name="標準 3 6 5 2 7" xfId="6244"/>
    <cellStyle name="標準 3 6 5 2_原油高騰等の影響業種" xfId="11295"/>
    <cellStyle name="標準 3 6 5 3" xfId="529"/>
    <cellStyle name="標準 3 6 5 3 2" xfId="1267"/>
    <cellStyle name="標準 3 6 5 3 2 2" xfId="4219"/>
    <cellStyle name="標準 3 6 5 3 2 3" xfId="7171"/>
    <cellStyle name="標準 3 6 5 3 2_原油高騰等の影響業種" xfId="11304"/>
    <cellStyle name="標準 3 6 5 3 3" xfId="2005"/>
    <cellStyle name="標準 3 6 5 3 3 2" xfId="4957"/>
    <cellStyle name="標準 3 6 5 3 3 3" xfId="7909"/>
    <cellStyle name="標準 3 6 5 3 3_原油高騰等の影響業種" xfId="11305"/>
    <cellStyle name="標準 3 6 5 3 4" xfId="2743"/>
    <cellStyle name="標準 3 6 5 3 4 2" xfId="5695"/>
    <cellStyle name="標準 3 6 5 3 4 3" xfId="8647"/>
    <cellStyle name="標準 3 6 5 3 4_原油高騰等の影響業種" xfId="11306"/>
    <cellStyle name="標準 3 6 5 3 5" xfId="3481"/>
    <cellStyle name="標準 3 6 5 3 6" xfId="6433"/>
    <cellStyle name="標準 3 6 5 3_原油高騰等の影響業種" xfId="11303"/>
    <cellStyle name="標準 3 6 5 4" xfId="898"/>
    <cellStyle name="標準 3 6 5 4 2" xfId="3850"/>
    <cellStyle name="標準 3 6 5 4 3" xfId="6802"/>
    <cellStyle name="標準 3 6 5 4_原油高騰等の影響業種" xfId="11307"/>
    <cellStyle name="標準 3 6 5 5" xfId="1636"/>
    <cellStyle name="標準 3 6 5 5 2" xfId="4588"/>
    <cellStyle name="標準 3 6 5 5 3" xfId="7540"/>
    <cellStyle name="標準 3 6 5 5_原油高騰等の影響業種" xfId="11308"/>
    <cellStyle name="標準 3 6 5 6" xfId="2374"/>
    <cellStyle name="標準 3 6 5 6 2" xfId="5326"/>
    <cellStyle name="標準 3 6 5 6 3" xfId="8278"/>
    <cellStyle name="標準 3 6 5 6_原油高騰等の影響業種" xfId="11309"/>
    <cellStyle name="標準 3 6 5 7" xfId="3112"/>
    <cellStyle name="標準 3 6 5 8" xfId="6064"/>
    <cellStyle name="標準 3 6 5_原油高騰等の影響業種" xfId="11294"/>
    <cellStyle name="標準 3 6 6" xfId="201"/>
    <cellStyle name="標準 3 6 6 2" xfId="574"/>
    <cellStyle name="標準 3 6 6 2 2" xfId="1312"/>
    <cellStyle name="標準 3 6 6 2 2 2" xfId="4264"/>
    <cellStyle name="標準 3 6 6 2 2 3" xfId="7216"/>
    <cellStyle name="標準 3 6 6 2 2_原油高騰等の影響業種" xfId="11312"/>
    <cellStyle name="標準 3 6 6 2 3" xfId="2050"/>
    <cellStyle name="標準 3 6 6 2 3 2" xfId="5002"/>
    <cellStyle name="標準 3 6 6 2 3 3" xfId="7954"/>
    <cellStyle name="標準 3 6 6 2 3_原油高騰等の影響業種" xfId="11313"/>
    <cellStyle name="標準 3 6 6 2 4" xfId="2788"/>
    <cellStyle name="標準 3 6 6 2 4 2" xfId="5740"/>
    <cellStyle name="標準 3 6 6 2 4 3" xfId="8692"/>
    <cellStyle name="標準 3 6 6 2 4_原油高騰等の影響業種" xfId="11314"/>
    <cellStyle name="標準 3 6 6 2 5" xfId="3526"/>
    <cellStyle name="標準 3 6 6 2 6" xfId="6478"/>
    <cellStyle name="標準 3 6 6 2_原油高騰等の影響業種" xfId="11311"/>
    <cellStyle name="標準 3 6 6 3" xfId="943"/>
    <cellStyle name="標準 3 6 6 3 2" xfId="3895"/>
    <cellStyle name="標準 3 6 6 3 3" xfId="6847"/>
    <cellStyle name="標準 3 6 6 3_原油高騰等の影響業種" xfId="11315"/>
    <cellStyle name="標準 3 6 6 4" xfId="1681"/>
    <cellStyle name="標準 3 6 6 4 2" xfId="4633"/>
    <cellStyle name="標準 3 6 6 4 3" xfId="7585"/>
    <cellStyle name="標準 3 6 6 4_原油高騰等の影響業種" xfId="11316"/>
    <cellStyle name="標準 3 6 6 5" xfId="2419"/>
    <cellStyle name="標準 3 6 6 5 2" xfId="5371"/>
    <cellStyle name="標準 3 6 6 5 3" xfId="8323"/>
    <cellStyle name="標準 3 6 6 5_原油高騰等の影響業種" xfId="11317"/>
    <cellStyle name="標準 3 6 6 6" xfId="3157"/>
    <cellStyle name="標準 3 6 6 7" xfId="6109"/>
    <cellStyle name="標準 3 6 6_原油高騰等の影響業種" xfId="11310"/>
    <cellStyle name="標準 3 6 7" xfId="394"/>
    <cellStyle name="標準 3 6 7 2" xfId="1132"/>
    <cellStyle name="標準 3 6 7 2 2" xfId="4084"/>
    <cellStyle name="標準 3 6 7 2 3" xfId="7036"/>
    <cellStyle name="標準 3 6 7 2_原油高騰等の影響業種" xfId="11319"/>
    <cellStyle name="標準 3 6 7 3" xfId="1870"/>
    <cellStyle name="標準 3 6 7 3 2" xfId="4822"/>
    <cellStyle name="標準 3 6 7 3 3" xfId="7774"/>
    <cellStyle name="標準 3 6 7 3_原油高騰等の影響業種" xfId="11320"/>
    <cellStyle name="標準 3 6 7 4" xfId="2608"/>
    <cellStyle name="標準 3 6 7 4 2" xfId="5560"/>
    <cellStyle name="標準 3 6 7 4 3" xfId="8512"/>
    <cellStyle name="標準 3 6 7 4_原油高騰等の影響業種" xfId="11321"/>
    <cellStyle name="標準 3 6 7 5" xfId="3346"/>
    <cellStyle name="標準 3 6 7 6" xfId="6298"/>
    <cellStyle name="標準 3 6 7_原油高騰等の影響業種" xfId="11318"/>
    <cellStyle name="標準 3 6 8" xfId="763"/>
    <cellStyle name="標準 3 6 8 2" xfId="3715"/>
    <cellStyle name="標準 3 6 8 3" xfId="6667"/>
    <cellStyle name="標準 3 6 8_原油高騰等の影響業種" xfId="11322"/>
    <cellStyle name="標準 3 6 9" xfId="1501"/>
    <cellStyle name="標準 3 6 9 2" xfId="4453"/>
    <cellStyle name="標準 3 6 9 3" xfId="7405"/>
    <cellStyle name="標準 3 6 9_原油高騰等の影響業種" xfId="11323"/>
    <cellStyle name="標準 3 6_原油高騰等の影響業種" xfId="11196"/>
    <cellStyle name="標準 3 7" xfId="30"/>
    <cellStyle name="標準 3 7 10" xfId="2986"/>
    <cellStyle name="標準 3 7 11" xfId="5938"/>
    <cellStyle name="標準 3 7 2" xfId="75"/>
    <cellStyle name="標準 3 7 2 2" xfId="255"/>
    <cellStyle name="標準 3 7 2 2 2" xfId="628"/>
    <cellStyle name="標準 3 7 2 2 2 2" xfId="1366"/>
    <cellStyle name="標準 3 7 2 2 2 2 2" xfId="4318"/>
    <cellStyle name="標準 3 7 2 2 2 2 3" xfId="7270"/>
    <cellStyle name="標準 3 7 2 2 2 2_原油高騰等の影響業種" xfId="11328"/>
    <cellStyle name="標準 3 7 2 2 2 3" xfId="2104"/>
    <cellStyle name="標準 3 7 2 2 2 3 2" xfId="5056"/>
    <cellStyle name="標準 3 7 2 2 2 3 3" xfId="8008"/>
    <cellStyle name="標準 3 7 2 2 2 3_原油高騰等の影響業種" xfId="11329"/>
    <cellStyle name="標準 3 7 2 2 2 4" xfId="2842"/>
    <cellStyle name="標準 3 7 2 2 2 4 2" xfId="5794"/>
    <cellStyle name="標準 3 7 2 2 2 4 3" xfId="8746"/>
    <cellStyle name="標準 3 7 2 2 2 4_原油高騰等の影響業種" xfId="11330"/>
    <cellStyle name="標準 3 7 2 2 2 5" xfId="3580"/>
    <cellStyle name="標準 3 7 2 2 2 6" xfId="6532"/>
    <cellStyle name="標準 3 7 2 2 2_原油高騰等の影響業種" xfId="11327"/>
    <cellStyle name="標準 3 7 2 2 3" xfId="997"/>
    <cellStyle name="標準 3 7 2 2 3 2" xfId="3949"/>
    <cellStyle name="標準 3 7 2 2 3 3" xfId="6901"/>
    <cellStyle name="標準 3 7 2 2 3_原油高騰等の影響業種" xfId="11331"/>
    <cellStyle name="標準 3 7 2 2 4" xfId="1735"/>
    <cellStyle name="標準 3 7 2 2 4 2" xfId="4687"/>
    <cellStyle name="標準 3 7 2 2 4 3" xfId="7639"/>
    <cellStyle name="標準 3 7 2 2 4_原油高騰等の影響業種" xfId="11332"/>
    <cellStyle name="標準 3 7 2 2 5" xfId="2473"/>
    <cellStyle name="標準 3 7 2 2 5 2" xfId="5425"/>
    <cellStyle name="標準 3 7 2 2 5 3" xfId="8377"/>
    <cellStyle name="標準 3 7 2 2 5_原油高騰等の影響業種" xfId="11333"/>
    <cellStyle name="標準 3 7 2 2 6" xfId="3211"/>
    <cellStyle name="標準 3 7 2 2 7" xfId="6163"/>
    <cellStyle name="標準 3 7 2 2_原油高騰等の影響業種" xfId="11326"/>
    <cellStyle name="標準 3 7 2 3" xfId="448"/>
    <cellStyle name="標準 3 7 2 3 2" xfId="1186"/>
    <cellStyle name="標準 3 7 2 3 2 2" xfId="4138"/>
    <cellStyle name="標準 3 7 2 3 2 3" xfId="7090"/>
    <cellStyle name="標準 3 7 2 3 2_原油高騰等の影響業種" xfId="11335"/>
    <cellStyle name="標準 3 7 2 3 3" xfId="1924"/>
    <cellStyle name="標準 3 7 2 3 3 2" xfId="4876"/>
    <cellStyle name="標準 3 7 2 3 3 3" xfId="7828"/>
    <cellStyle name="標準 3 7 2 3 3_原油高騰等の影響業種" xfId="11336"/>
    <cellStyle name="標準 3 7 2 3 4" xfId="2662"/>
    <cellStyle name="標準 3 7 2 3 4 2" xfId="5614"/>
    <cellStyle name="標準 3 7 2 3 4 3" xfId="8566"/>
    <cellStyle name="標準 3 7 2 3 4_原油高騰等の影響業種" xfId="11337"/>
    <cellStyle name="標準 3 7 2 3 5" xfId="3400"/>
    <cellStyle name="標準 3 7 2 3 6" xfId="6352"/>
    <cellStyle name="標準 3 7 2 3_原油高騰等の影響業種" xfId="11334"/>
    <cellStyle name="標準 3 7 2 4" xfId="817"/>
    <cellStyle name="標準 3 7 2 4 2" xfId="3769"/>
    <cellStyle name="標準 3 7 2 4 3" xfId="6721"/>
    <cellStyle name="標準 3 7 2 4_原油高騰等の影響業種" xfId="11338"/>
    <cellStyle name="標準 3 7 2 5" xfId="1555"/>
    <cellStyle name="標準 3 7 2 5 2" xfId="4507"/>
    <cellStyle name="標準 3 7 2 5 3" xfId="7459"/>
    <cellStyle name="標準 3 7 2 5_原油高騰等の影響業種" xfId="11339"/>
    <cellStyle name="標準 3 7 2 6" xfId="2293"/>
    <cellStyle name="標準 3 7 2 6 2" xfId="5245"/>
    <cellStyle name="標準 3 7 2 6 3" xfId="8197"/>
    <cellStyle name="標準 3 7 2 6_原油高騰等の影響業種" xfId="11340"/>
    <cellStyle name="標準 3 7 2 7" xfId="3031"/>
    <cellStyle name="標準 3 7 2 8" xfId="5983"/>
    <cellStyle name="標準 3 7 2_原油高騰等の影響業種" xfId="11325"/>
    <cellStyle name="標準 3 7 3" xfId="120"/>
    <cellStyle name="標準 3 7 3 2" xfId="300"/>
    <cellStyle name="標準 3 7 3 2 2" xfId="673"/>
    <cellStyle name="標準 3 7 3 2 2 2" xfId="1411"/>
    <cellStyle name="標準 3 7 3 2 2 2 2" xfId="4363"/>
    <cellStyle name="標準 3 7 3 2 2 2 3" xfId="7315"/>
    <cellStyle name="標準 3 7 3 2 2 2_原油高騰等の影響業種" xfId="11344"/>
    <cellStyle name="標準 3 7 3 2 2 3" xfId="2149"/>
    <cellStyle name="標準 3 7 3 2 2 3 2" xfId="5101"/>
    <cellStyle name="標準 3 7 3 2 2 3 3" xfId="8053"/>
    <cellStyle name="標準 3 7 3 2 2 3_原油高騰等の影響業種" xfId="11345"/>
    <cellStyle name="標準 3 7 3 2 2 4" xfId="2887"/>
    <cellStyle name="標準 3 7 3 2 2 4 2" xfId="5839"/>
    <cellStyle name="標準 3 7 3 2 2 4 3" xfId="8791"/>
    <cellStyle name="標準 3 7 3 2 2 4_原油高騰等の影響業種" xfId="11346"/>
    <cellStyle name="標準 3 7 3 2 2 5" xfId="3625"/>
    <cellStyle name="標準 3 7 3 2 2 6" xfId="6577"/>
    <cellStyle name="標準 3 7 3 2 2_原油高騰等の影響業種" xfId="11343"/>
    <cellStyle name="標準 3 7 3 2 3" xfId="1042"/>
    <cellStyle name="標準 3 7 3 2 3 2" xfId="3994"/>
    <cellStyle name="標準 3 7 3 2 3 3" xfId="6946"/>
    <cellStyle name="標準 3 7 3 2 3_原油高騰等の影響業種" xfId="11347"/>
    <cellStyle name="標準 3 7 3 2 4" xfId="1780"/>
    <cellStyle name="標準 3 7 3 2 4 2" xfId="4732"/>
    <cellStyle name="標準 3 7 3 2 4 3" xfId="7684"/>
    <cellStyle name="標準 3 7 3 2 4_原油高騰等の影響業種" xfId="11348"/>
    <cellStyle name="標準 3 7 3 2 5" xfId="2518"/>
    <cellStyle name="標準 3 7 3 2 5 2" xfId="5470"/>
    <cellStyle name="標準 3 7 3 2 5 3" xfId="8422"/>
    <cellStyle name="標準 3 7 3 2 5_原油高騰等の影響業種" xfId="11349"/>
    <cellStyle name="標準 3 7 3 2 6" xfId="3256"/>
    <cellStyle name="標準 3 7 3 2 7" xfId="6208"/>
    <cellStyle name="標準 3 7 3 2_原油高騰等の影響業種" xfId="11342"/>
    <cellStyle name="標準 3 7 3 3" xfId="493"/>
    <cellStyle name="標準 3 7 3 3 2" xfId="1231"/>
    <cellStyle name="標準 3 7 3 3 2 2" xfId="4183"/>
    <cellStyle name="標準 3 7 3 3 2 3" xfId="7135"/>
    <cellStyle name="標準 3 7 3 3 2_原油高騰等の影響業種" xfId="11351"/>
    <cellStyle name="標準 3 7 3 3 3" xfId="1969"/>
    <cellStyle name="標準 3 7 3 3 3 2" xfId="4921"/>
    <cellStyle name="標準 3 7 3 3 3 3" xfId="7873"/>
    <cellStyle name="標準 3 7 3 3 3_原油高騰等の影響業種" xfId="11352"/>
    <cellStyle name="標準 3 7 3 3 4" xfId="2707"/>
    <cellStyle name="標準 3 7 3 3 4 2" xfId="5659"/>
    <cellStyle name="標準 3 7 3 3 4 3" xfId="8611"/>
    <cellStyle name="標準 3 7 3 3 4_原油高騰等の影響業種" xfId="11353"/>
    <cellStyle name="標準 3 7 3 3 5" xfId="3445"/>
    <cellStyle name="標準 3 7 3 3 6" xfId="6397"/>
    <cellStyle name="標準 3 7 3 3_原油高騰等の影響業種" xfId="11350"/>
    <cellStyle name="標準 3 7 3 4" xfId="862"/>
    <cellStyle name="標準 3 7 3 4 2" xfId="3814"/>
    <cellStyle name="標準 3 7 3 4 3" xfId="6766"/>
    <cellStyle name="標準 3 7 3 4_原油高騰等の影響業種" xfId="11354"/>
    <cellStyle name="標準 3 7 3 5" xfId="1600"/>
    <cellStyle name="標準 3 7 3 5 2" xfId="4552"/>
    <cellStyle name="標準 3 7 3 5 3" xfId="7504"/>
    <cellStyle name="標準 3 7 3 5_原油高騰等の影響業種" xfId="11355"/>
    <cellStyle name="標準 3 7 3 6" xfId="2338"/>
    <cellStyle name="標準 3 7 3 6 2" xfId="5290"/>
    <cellStyle name="標準 3 7 3 6 3" xfId="8242"/>
    <cellStyle name="標準 3 7 3 6_原油高騰等の影響業種" xfId="11356"/>
    <cellStyle name="標準 3 7 3 7" xfId="3076"/>
    <cellStyle name="標準 3 7 3 8" xfId="6028"/>
    <cellStyle name="標準 3 7 3_原油高騰等の影響業種" xfId="11341"/>
    <cellStyle name="標準 3 7 4" xfId="165"/>
    <cellStyle name="標準 3 7 4 2" xfId="345"/>
    <cellStyle name="標準 3 7 4 2 2" xfId="718"/>
    <cellStyle name="標準 3 7 4 2 2 2" xfId="1456"/>
    <cellStyle name="標準 3 7 4 2 2 2 2" xfId="4408"/>
    <cellStyle name="標準 3 7 4 2 2 2 3" xfId="7360"/>
    <cellStyle name="標準 3 7 4 2 2 2_原油高騰等の影響業種" xfId="11360"/>
    <cellStyle name="標準 3 7 4 2 2 3" xfId="2194"/>
    <cellStyle name="標準 3 7 4 2 2 3 2" xfId="5146"/>
    <cellStyle name="標準 3 7 4 2 2 3 3" xfId="8098"/>
    <cellStyle name="標準 3 7 4 2 2 3_原油高騰等の影響業種" xfId="11361"/>
    <cellStyle name="標準 3 7 4 2 2 4" xfId="2932"/>
    <cellStyle name="標準 3 7 4 2 2 4 2" xfId="5884"/>
    <cellStyle name="標準 3 7 4 2 2 4 3" xfId="8836"/>
    <cellStyle name="標準 3 7 4 2 2 4_原油高騰等の影響業種" xfId="11362"/>
    <cellStyle name="標準 3 7 4 2 2 5" xfId="3670"/>
    <cellStyle name="標準 3 7 4 2 2 6" xfId="6622"/>
    <cellStyle name="標準 3 7 4 2 2_原油高騰等の影響業種" xfId="11359"/>
    <cellStyle name="標準 3 7 4 2 3" xfId="1087"/>
    <cellStyle name="標準 3 7 4 2 3 2" xfId="4039"/>
    <cellStyle name="標準 3 7 4 2 3 3" xfId="6991"/>
    <cellStyle name="標準 3 7 4 2 3_原油高騰等の影響業種" xfId="11363"/>
    <cellStyle name="標準 3 7 4 2 4" xfId="1825"/>
    <cellStyle name="標準 3 7 4 2 4 2" xfId="4777"/>
    <cellStyle name="標準 3 7 4 2 4 3" xfId="7729"/>
    <cellStyle name="標準 3 7 4 2 4_原油高騰等の影響業種" xfId="11364"/>
    <cellStyle name="標準 3 7 4 2 5" xfId="2563"/>
    <cellStyle name="標準 3 7 4 2 5 2" xfId="5515"/>
    <cellStyle name="標準 3 7 4 2 5 3" xfId="8467"/>
    <cellStyle name="標準 3 7 4 2 5_原油高騰等の影響業種" xfId="11365"/>
    <cellStyle name="標準 3 7 4 2 6" xfId="3301"/>
    <cellStyle name="標準 3 7 4 2 7" xfId="6253"/>
    <cellStyle name="標準 3 7 4 2_原油高騰等の影響業種" xfId="11358"/>
    <cellStyle name="標準 3 7 4 3" xfId="538"/>
    <cellStyle name="標準 3 7 4 3 2" xfId="1276"/>
    <cellStyle name="標準 3 7 4 3 2 2" xfId="4228"/>
    <cellStyle name="標準 3 7 4 3 2 3" xfId="7180"/>
    <cellStyle name="標準 3 7 4 3 2_原油高騰等の影響業種" xfId="11367"/>
    <cellStyle name="標準 3 7 4 3 3" xfId="2014"/>
    <cellStyle name="標準 3 7 4 3 3 2" xfId="4966"/>
    <cellStyle name="標準 3 7 4 3 3 3" xfId="7918"/>
    <cellStyle name="標準 3 7 4 3 3_原油高騰等の影響業種" xfId="11368"/>
    <cellStyle name="標準 3 7 4 3 4" xfId="2752"/>
    <cellStyle name="標準 3 7 4 3 4 2" xfId="5704"/>
    <cellStyle name="標準 3 7 4 3 4 3" xfId="8656"/>
    <cellStyle name="標準 3 7 4 3 4_原油高騰等の影響業種" xfId="11369"/>
    <cellStyle name="標準 3 7 4 3 5" xfId="3490"/>
    <cellStyle name="標準 3 7 4 3 6" xfId="6442"/>
    <cellStyle name="標準 3 7 4 3_原油高騰等の影響業種" xfId="11366"/>
    <cellStyle name="標準 3 7 4 4" xfId="907"/>
    <cellStyle name="標準 3 7 4 4 2" xfId="3859"/>
    <cellStyle name="標準 3 7 4 4 3" xfId="6811"/>
    <cellStyle name="標準 3 7 4 4_原油高騰等の影響業種" xfId="11370"/>
    <cellStyle name="標準 3 7 4 5" xfId="1645"/>
    <cellStyle name="標準 3 7 4 5 2" xfId="4597"/>
    <cellStyle name="標準 3 7 4 5 3" xfId="7549"/>
    <cellStyle name="標準 3 7 4 5_原油高騰等の影響業種" xfId="11371"/>
    <cellStyle name="標準 3 7 4 6" xfId="2383"/>
    <cellStyle name="標準 3 7 4 6 2" xfId="5335"/>
    <cellStyle name="標準 3 7 4 6 3" xfId="8287"/>
    <cellStyle name="標準 3 7 4 6_原油高騰等の影響業種" xfId="11372"/>
    <cellStyle name="標準 3 7 4 7" xfId="3121"/>
    <cellStyle name="標準 3 7 4 8" xfId="6073"/>
    <cellStyle name="標準 3 7 4_原油高騰等の影響業種" xfId="11357"/>
    <cellStyle name="標準 3 7 5" xfId="210"/>
    <cellStyle name="標準 3 7 5 2" xfId="583"/>
    <cellStyle name="標準 3 7 5 2 2" xfId="1321"/>
    <cellStyle name="標準 3 7 5 2 2 2" xfId="4273"/>
    <cellStyle name="標準 3 7 5 2 2 3" xfId="7225"/>
    <cellStyle name="標準 3 7 5 2 2_原油高騰等の影響業種" xfId="11375"/>
    <cellStyle name="標準 3 7 5 2 3" xfId="2059"/>
    <cellStyle name="標準 3 7 5 2 3 2" xfId="5011"/>
    <cellStyle name="標準 3 7 5 2 3 3" xfId="7963"/>
    <cellStyle name="標準 3 7 5 2 3_原油高騰等の影響業種" xfId="11376"/>
    <cellStyle name="標準 3 7 5 2 4" xfId="2797"/>
    <cellStyle name="標準 3 7 5 2 4 2" xfId="5749"/>
    <cellStyle name="標準 3 7 5 2 4 3" xfId="8701"/>
    <cellStyle name="標準 3 7 5 2 4_原油高騰等の影響業種" xfId="11377"/>
    <cellStyle name="標準 3 7 5 2 5" xfId="3535"/>
    <cellStyle name="標準 3 7 5 2 6" xfId="6487"/>
    <cellStyle name="標準 3 7 5 2_原油高騰等の影響業種" xfId="11374"/>
    <cellStyle name="標準 3 7 5 3" xfId="952"/>
    <cellStyle name="標準 3 7 5 3 2" xfId="3904"/>
    <cellStyle name="標準 3 7 5 3 3" xfId="6856"/>
    <cellStyle name="標準 3 7 5 3_原油高騰等の影響業種" xfId="11378"/>
    <cellStyle name="標準 3 7 5 4" xfId="1690"/>
    <cellStyle name="標準 3 7 5 4 2" xfId="4642"/>
    <cellStyle name="標準 3 7 5 4 3" xfId="7594"/>
    <cellStyle name="標準 3 7 5 4_原油高騰等の影響業種" xfId="11379"/>
    <cellStyle name="標準 3 7 5 5" xfId="2428"/>
    <cellStyle name="標準 3 7 5 5 2" xfId="5380"/>
    <cellStyle name="標準 3 7 5 5 3" xfId="8332"/>
    <cellStyle name="標準 3 7 5 5_原油高騰等の影響業種" xfId="11380"/>
    <cellStyle name="標準 3 7 5 6" xfId="3166"/>
    <cellStyle name="標準 3 7 5 7" xfId="6118"/>
    <cellStyle name="標準 3 7 5_原油高騰等の影響業種" xfId="11373"/>
    <cellStyle name="標準 3 7 6" xfId="403"/>
    <cellStyle name="標準 3 7 6 2" xfId="1141"/>
    <cellStyle name="標準 3 7 6 2 2" xfId="4093"/>
    <cellStyle name="標準 3 7 6 2 3" xfId="7045"/>
    <cellStyle name="標準 3 7 6 2_原油高騰等の影響業種" xfId="11382"/>
    <cellStyle name="標準 3 7 6 3" xfId="1879"/>
    <cellStyle name="標準 3 7 6 3 2" xfId="4831"/>
    <cellStyle name="標準 3 7 6 3 3" xfId="7783"/>
    <cellStyle name="標準 3 7 6 3_原油高騰等の影響業種" xfId="11383"/>
    <cellStyle name="標準 3 7 6 4" xfId="2617"/>
    <cellStyle name="標準 3 7 6 4 2" xfId="5569"/>
    <cellStyle name="標準 3 7 6 4 3" xfId="8521"/>
    <cellStyle name="標準 3 7 6 4_原油高騰等の影響業種" xfId="11384"/>
    <cellStyle name="標準 3 7 6 5" xfId="3355"/>
    <cellStyle name="標準 3 7 6 6" xfId="6307"/>
    <cellStyle name="標準 3 7 6_原油高騰等の影響業種" xfId="11381"/>
    <cellStyle name="標準 3 7 7" xfId="772"/>
    <cellStyle name="標準 3 7 7 2" xfId="3724"/>
    <cellStyle name="標準 3 7 7 3" xfId="6676"/>
    <cellStyle name="標準 3 7 7_原油高騰等の影響業種" xfId="11385"/>
    <cellStyle name="標準 3 7 8" xfId="1510"/>
    <cellStyle name="標準 3 7 8 2" xfId="4462"/>
    <cellStyle name="標準 3 7 8 3" xfId="7414"/>
    <cellStyle name="標準 3 7 8_原油高騰等の影響業種" xfId="11386"/>
    <cellStyle name="標準 3 7 9" xfId="2248"/>
    <cellStyle name="標準 3 7 9 2" xfId="5200"/>
    <cellStyle name="標準 3 7 9 3" xfId="8152"/>
    <cellStyle name="標準 3 7 9_原油高騰等の影響業種" xfId="11387"/>
    <cellStyle name="標準 3 7_原油高騰等の影響業種" xfId="11324"/>
    <cellStyle name="標準 3 8" xfId="48"/>
    <cellStyle name="標準 3 8 10" xfId="3004"/>
    <cellStyle name="標準 3 8 11" xfId="5956"/>
    <cellStyle name="標準 3 8 2" xfId="93"/>
    <cellStyle name="標準 3 8 2 2" xfId="273"/>
    <cellStyle name="標準 3 8 2 2 2" xfId="646"/>
    <cellStyle name="標準 3 8 2 2 2 2" xfId="1384"/>
    <cellStyle name="標準 3 8 2 2 2 2 2" xfId="4336"/>
    <cellStyle name="標準 3 8 2 2 2 2 3" xfId="7288"/>
    <cellStyle name="標準 3 8 2 2 2 2_原油高騰等の影響業種" xfId="11392"/>
    <cellStyle name="標準 3 8 2 2 2 3" xfId="2122"/>
    <cellStyle name="標準 3 8 2 2 2 3 2" xfId="5074"/>
    <cellStyle name="標準 3 8 2 2 2 3 3" xfId="8026"/>
    <cellStyle name="標準 3 8 2 2 2 3_原油高騰等の影響業種" xfId="11393"/>
    <cellStyle name="標準 3 8 2 2 2 4" xfId="2860"/>
    <cellStyle name="標準 3 8 2 2 2 4 2" xfId="5812"/>
    <cellStyle name="標準 3 8 2 2 2 4 3" xfId="8764"/>
    <cellStyle name="標準 3 8 2 2 2 4_原油高騰等の影響業種" xfId="11394"/>
    <cellStyle name="標準 3 8 2 2 2 5" xfId="3598"/>
    <cellStyle name="標準 3 8 2 2 2 6" xfId="6550"/>
    <cellStyle name="標準 3 8 2 2 2_原油高騰等の影響業種" xfId="11391"/>
    <cellStyle name="標準 3 8 2 2 3" xfId="1015"/>
    <cellStyle name="標準 3 8 2 2 3 2" xfId="3967"/>
    <cellStyle name="標準 3 8 2 2 3 3" xfId="6919"/>
    <cellStyle name="標準 3 8 2 2 3_原油高騰等の影響業種" xfId="11395"/>
    <cellStyle name="標準 3 8 2 2 4" xfId="1753"/>
    <cellStyle name="標準 3 8 2 2 4 2" xfId="4705"/>
    <cellStyle name="標準 3 8 2 2 4 3" xfId="7657"/>
    <cellStyle name="標準 3 8 2 2 4_原油高騰等の影響業種" xfId="11396"/>
    <cellStyle name="標準 3 8 2 2 5" xfId="2491"/>
    <cellStyle name="標準 3 8 2 2 5 2" xfId="5443"/>
    <cellStyle name="標準 3 8 2 2 5 3" xfId="8395"/>
    <cellStyle name="標準 3 8 2 2 5_原油高騰等の影響業種" xfId="11397"/>
    <cellStyle name="標準 3 8 2 2 6" xfId="3229"/>
    <cellStyle name="標準 3 8 2 2 7" xfId="6181"/>
    <cellStyle name="標準 3 8 2 2_原油高騰等の影響業種" xfId="11390"/>
    <cellStyle name="標準 3 8 2 3" xfId="466"/>
    <cellStyle name="標準 3 8 2 3 2" xfId="1204"/>
    <cellStyle name="標準 3 8 2 3 2 2" xfId="4156"/>
    <cellStyle name="標準 3 8 2 3 2 3" xfId="7108"/>
    <cellStyle name="標準 3 8 2 3 2_原油高騰等の影響業種" xfId="11399"/>
    <cellStyle name="標準 3 8 2 3 3" xfId="1942"/>
    <cellStyle name="標準 3 8 2 3 3 2" xfId="4894"/>
    <cellStyle name="標準 3 8 2 3 3 3" xfId="7846"/>
    <cellStyle name="標準 3 8 2 3 3_原油高騰等の影響業種" xfId="11400"/>
    <cellStyle name="標準 3 8 2 3 4" xfId="2680"/>
    <cellStyle name="標準 3 8 2 3 4 2" xfId="5632"/>
    <cellStyle name="標準 3 8 2 3 4 3" xfId="8584"/>
    <cellStyle name="標準 3 8 2 3 4_原油高騰等の影響業種" xfId="11401"/>
    <cellStyle name="標準 3 8 2 3 5" xfId="3418"/>
    <cellStyle name="標準 3 8 2 3 6" xfId="6370"/>
    <cellStyle name="標準 3 8 2 3_原油高騰等の影響業種" xfId="11398"/>
    <cellStyle name="標準 3 8 2 4" xfId="835"/>
    <cellStyle name="標準 3 8 2 4 2" xfId="3787"/>
    <cellStyle name="標準 3 8 2 4 3" xfId="6739"/>
    <cellStyle name="標準 3 8 2 4_原油高騰等の影響業種" xfId="11402"/>
    <cellStyle name="標準 3 8 2 5" xfId="1573"/>
    <cellStyle name="標準 3 8 2 5 2" xfId="4525"/>
    <cellStyle name="標準 3 8 2 5 3" xfId="7477"/>
    <cellStyle name="標準 3 8 2 5_原油高騰等の影響業種" xfId="11403"/>
    <cellStyle name="標準 3 8 2 6" xfId="2311"/>
    <cellStyle name="標準 3 8 2 6 2" xfId="5263"/>
    <cellStyle name="標準 3 8 2 6 3" xfId="8215"/>
    <cellStyle name="標準 3 8 2 6_原油高騰等の影響業種" xfId="11404"/>
    <cellStyle name="標準 3 8 2 7" xfId="3049"/>
    <cellStyle name="標準 3 8 2 8" xfId="6001"/>
    <cellStyle name="標準 3 8 2_原油高騰等の影響業種" xfId="11389"/>
    <cellStyle name="標準 3 8 3" xfId="138"/>
    <cellStyle name="標準 3 8 3 2" xfId="318"/>
    <cellStyle name="標準 3 8 3 2 2" xfId="691"/>
    <cellStyle name="標準 3 8 3 2 2 2" xfId="1429"/>
    <cellStyle name="標準 3 8 3 2 2 2 2" xfId="4381"/>
    <cellStyle name="標準 3 8 3 2 2 2 3" xfId="7333"/>
    <cellStyle name="標準 3 8 3 2 2 2_原油高騰等の影響業種" xfId="11408"/>
    <cellStyle name="標準 3 8 3 2 2 3" xfId="2167"/>
    <cellStyle name="標準 3 8 3 2 2 3 2" xfId="5119"/>
    <cellStyle name="標準 3 8 3 2 2 3 3" xfId="8071"/>
    <cellStyle name="標準 3 8 3 2 2 3_原油高騰等の影響業種" xfId="11409"/>
    <cellStyle name="標準 3 8 3 2 2 4" xfId="2905"/>
    <cellStyle name="標準 3 8 3 2 2 4 2" xfId="5857"/>
    <cellStyle name="標準 3 8 3 2 2 4 3" xfId="8809"/>
    <cellStyle name="標準 3 8 3 2 2 4_原油高騰等の影響業種" xfId="11410"/>
    <cellStyle name="標準 3 8 3 2 2 5" xfId="3643"/>
    <cellStyle name="標準 3 8 3 2 2 6" xfId="6595"/>
    <cellStyle name="標準 3 8 3 2 2_原油高騰等の影響業種" xfId="11407"/>
    <cellStyle name="標準 3 8 3 2 3" xfId="1060"/>
    <cellStyle name="標準 3 8 3 2 3 2" xfId="4012"/>
    <cellStyle name="標準 3 8 3 2 3 3" xfId="6964"/>
    <cellStyle name="標準 3 8 3 2 3_原油高騰等の影響業種" xfId="11411"/>
    <cellStyle name="標準 3 8 3 2 4" xfId="1798"/>
    <cellStyle name="標準 3 8 3 2 4 2" xfId="4750"/>
    <cellStyle name="標準 3 8 3 2 4 3" xfId="7702"/>
    <cellStyle name="標準 3 8 3 2 4_原油高騰等の影響業種" xfId="11412"/>
    <cellStyle name="標準 3 8 3 2 5" xfId="2536"/>
    <cellStyle name="標準 3 8 3 2 5 2" xfId="5488"/>
    <cellStyle name="標準 3 8 3 2 5 3" xfId="8440"/>
    <cellStyle name="標準 3 8 3 2 5_原油高騰等の影響業種" xfId="11413"/>
    <cellStyle name="標準 3 8 3 2 6" xfId="3274"/>
    <cellStyle name="標準 3 8 3 2 7" xfId="6226"/>
    <cellStyle name="標準 3 8 3 2_原油高騰等の影響業種" xfId="11406"/>
    <cellStyle name="標準 3 8 3 3" xfId="511"/>
    <cellStyle name="標準 3 8 3 3 2" xfId="1249"/>
    <cellStyle name="標準 3 8 3 3 2 2" xfId="4201"/>
    <cellStyle name="標準 3 8 3 3 2 3" xfId="7153"/>
    <cellStyle name="標準 3 8 3 3 2_原油高騰等の影響業種" xfId="11415"/>
    <cellStyle name="標準 3 8 3 3 3" xfId="1987"/>
    <cellStyle name="標準 3 8 3 3 3 2" xfId="4939"/>
    <cellStyle name="標準 3 8 3 3 3 3" xfId="7891"/>
    <cellStyle name="標準 3 8 3 3 3_原油高騰等の影響業種" xfId="11416"/>
    <cellStyle name="標準 3 8 3 3 4" xfId="2725"/>
    <cellStyle name="標準 3 8 3 3 4 2" xfId="5677"/>
    <cellStyle name="標準 3 8 3 3 4 3" xfId="8629"/>
    <cellStyle name="標準 3 8 3 3 4_原油高騰等の影響業種" xfId="11417"/>
    <cellStyle name="標準 3 8 3 3 5" xfId="3463"/>
    <cellStyle name="標準 3 8 3 3 6" xfId="6415"/>
    <cellStyle name="標準 3 8 3 3_原油高騰等の影響業種" xfId="11414"/>
    <cellStyle name="標準 3 8 3 4" xfId="880"/>
    <cellStyle name="標準 3 8 3 4 2" xfId="3832"/>
    <cellStyle name="標準 3 8 3 4 3" xfId="6784"/>
    <cellStyle name="標準 3 8 3 4_原油高騰等の影響業種" xfId="11418"/>
    <cellStyle name="標準 3 8 3 5" xfId="1618"/>
    <cellStyle name="標準 3 8 3 5 2" xfId="4570"/>
    <cellStyle name="標準 3 8 3 5 3" xfId="7522"/>
    <cellStyle name="標準 3 8 3 5_原油高騰等の影響業種" xfId="11419"/>
    <cellStyle name="標準 3 8 3 6" xfId="2356"/>
    <cellStyle name="標準 3 8 3 6 2" xfId="5308"/>
    <cellStyle name="標準 3 8 3 6 3" xfId="8260"/>
    <cellStyle name="標準 3 8 3 6_原油高騰等の影響業種" xfId="11420"/>
    <cellStyle name="標準 3 8 3 7" xfId="3094"/>
    <cellStyle name="標準 3 8 3 8" xfId="6046"/>
    <cellStyle name="標準 3 8 3_原油高騰等の影響業種" xfId="11405"/>
    <cellStyle name="標準 3 8 4" xfId="183"/>
    <cellStyle name="標準 3 8 4 2" xfId="363"/>
    <cellStyle name="標準 3 8 4 2 2" xfId="736"/>
    <cellStyle name="標準 3 8 4 2 2 2" xfId="1474"/>
    <cellStyle name="標準 3 8 4 2 2 2 2" xfId="4426"/>
    <cellStyle name="標準 3 8 4 2 2 2 3" xfId="7378"/>
    <cellStyle name="標準 3 8 4 2 2 2_原油高騰等の影響業種" xfId="11424"/>
    <cellStyle name="標準 3 8 4 2 2 3" xfId="2212"/>
    <cellStyle name="標準 3 8 4 2 2 3 2" xfId="5164"/>
    <cellStyle name="標準 3 8 4 2 2 3 3" xfId="8116"/>
    <cellStyle name="標準 3 8 4 2 2 3_原油高騰等の影響業種" xfId="11425"/>
    <cellStyle name="標準 3 8 4 2 2 4" xfId="2950"/>
    <cellStyle name="標準 3 8 4 2 2 4 2" xfId="5902"/>
    <cellStyle name="標準 3 8 4 2 2 4 3" xfId="8854"/>
    <cellStyle name="標準 3 8 4 2 2 4_原油高騰等の影響業種" xfId="11426"/>
    <cellStyle name="標準 3 8 4 2 2 5" xfId="3688"/>
    <cellStyle name="標準 3 8 4 2 2 6" xfId="6640"/>
    <cellStyle name="標準 3 8 4 2 2_原油高騰等の影響業種" xfId="11423"/>
    <cellStyle name="標準 3 8 4 2 3" xfId="1105"/>
    <cellStyle name="標準 3 8 4 2 3 2" xfId="4057"/>
    <cellStyle name="標準 3 8 4 2 3 3" xfId="7009"/>
    <cellStyle name="標準 3 8 4 2 3_原油高騰等の影響業種" xfId="11427"/>
    <cellStyle name="標準 3 8 4 2 4" xfId="1843"/>
    <cellStyle name="標準 3 8 4 2 4 2" xfId="4795"/>
    <cellStyle name="標準 3 8 4 2 4 3" xfId="7747"/>
    <cellStyle name="標準 3 8 4 2 4_原油高騰等の影響業種" xfId="11428"/>
    <cellStyle name="標準 3 8 4 2 5" xfId="2581"/>
    <cellStyle name="標準 3 8 4 2 5 2" xfId="5533"/>
    <cellStyle name="標準 3 8 4 2 5 3" xfId="8485"/>
    <cellStyle name="標準 3 8 4 2 5_原油高騰等の影響業種" xfId="11429"/>
    <cellStyle name="標準 3 8 4 2 6" xfId="3319"/>
    <cellStyle name="標準 3 8 4 2 7" xfId="6271"/>
    <cellStyle name="標準 3 8 4 2_原油高騰等の影響業種" xfId="11422"/>
    <cellStyle name="標準 3 8 4 3" xfId="556"/>
    <cellStyle name="標準 3 8 4 3 2" xfId="1294"/>
    <cellStyle name="標準 3 8 4 3 2 2" xfId="4246"/>
    <cellStyle name="標準 3 8 4 3 2 3" xfId="7198"/>
    <cellStyle name="標準 3 8 4 3 2_原油高騰等の影響業種" xfId="11431"/>
    <cellStyle name="標準 3 8 4 3 3" xfId="2032"/>
    <cellStyle name="標準 3 8 4 3 3 2" xfId="4984"/>
    <cellStyle name="標準 3 8 4 3 3 3" xfId="7936"/>
    <cellStyle name="標準 3 8 4 3 3_原油高騰等の影響業種" xfId="11432"/>
    <cellStyle name="標準 3 8 4 3 4" xfId="2770"/>
    <cellStyle name="標準 3 8 4 3 4 2" xfId="5722"/>
    <cellStyle name="標準 3 8 4 3 4 3" xfId="8674"/>
    <cellStyle name="標準 3 8 4 3 4_原油高騰等の影響業種" xfId="11433"/>
    <cellStyle name="標準 3 8 4 3 5" xfId="3508"/>
    <cellStyle name="標準 3 8 4 3 6" xfId="6460"/>
    <cellStyle name="標準 3 8 4 3_原油高騰等の影響業種" xfId="11430"/>
    <cellStyle name="標準 3 8 4 4" xfId="925"/>
    <cellStyle name="標準 3 8 4 4 2" xfId="3877"/>
    <cellStyle name="標準 3 8 4 4 3" xfId="6829"/>
    <cellStyle name="標準 3 8 4 4_原油高騰等の影響業種" xfId="11434"/>
    <cellStyle name="標準 3 8 4 5" xfId="1663"/>
    <cellStyle name="標準 3 8 4 5 2" xfId="4615"/>
    <cellStyle name="標準 3 8 4 5 3" xfId="7567"/>
    <cellStyle name="標準 3 8 4 5_原油高騰等の影響業種" xfId="11435"/>
    <cellStyle name="標準 3 8 4 6" xfId="2401"/>
    <cellStyle name="標準 3 8 4 6 2" xfId="5353"/>
    <cellStyle name="標準 3 8 4 6 3" xfId="8305"/>
    <cellStyle name="標準 3 8 4 6_原油高騰等の影響業種" xfId="11436"/>
    <cellStyle name="標準 3 8 4 7" xfId="3139"/>
    <cellStyle name="標準 3 8 4 8" xfId="6091"/>
    <cellStyle name="標準 3 8 4_原油高騰等の影響業種" xfId="11421"/>
    <cellStyle name="標準 3 8 5" xfId="228"/>
    <cellStyle name="標準 3 8 5 2" xfId="601"/>
    <cellStyle name="標準 3 8 5 2 2" xfId="1339"/>
    <cellStyle name="標準 3 8 5 2 2 2" xfId="4291"/>
    <cellStyle name="標準 3 8 5 2 2 3" xfId="7243"/>
    <cellStyle name="標準 3 8 5 2 2_原油高騰等の影響業種" xfId="11439"/>
    <cellStyle name="標準 3 8 5 2 3" xfId="2077"/>
    <cellStyle name="標準 3 8 5 2 3 2" xfId="5029"/>
    <cellStyle name="標準 3 8 5 2 3 3" xfId="7981"/>
    <cellStyle name="標準 3 8 5 2 3_原油高騰等の影響業種" xfId="11440"/>
    <cellStyle name="標準 3 8 5 2 4" xfId="2815"/>
    <cellStyle name="標準 3 8 5 2 4 2" xfId="5767"/>
    <cellStyle name="標準 3 8 5 2 4 3" xfId="8719"/>
    <cellStyle name="標準 3 8 5 2 4_原油高騰等の影響業種" xfId="11441"/>
    <cellStyle name="標準 3 8 5 2 5" xfId="3553"/>
    <cellStyle name="標準 3 8 5 2 6" xfId="6505"/>
    <cellStyle name="標準 3 8 5 2_原油高騰等の影響業種" xfId="11438"/>
    <cellStyle name="標準 3 8 5 3" xfId="970"/>
    <cellStyle name="標準 3 8 5 3 2" xfId="3922"/>
    <cellStyle name="標準 3 8 5 3 3" xfId="6874"/>
    <cellStyle name="標準 3 8 5 3_原油高騰等の影響業種" xfId="11442"/>
    <cellStyle name="標準 3 8 5 4" xfId="1708"/>
    <cellStyle name="標準 3 8 5 4 2" xfId="4660"/>
    <cellStyle name="標準 3 8 5 4 3" xfId="7612"/>
    <cellStyle name="標準 3 8 5 4_原油高騰等の影響業種" xfId="11443"/>
    <cellStyle name="標準 3 8 5 5" xfId="2446"/>
    <cellStyle name="標準 3 8 5 5 2" xfId="5398"/>
    <cellStyle name="標準 3 8 5 5 3" xfId="8350"/>
    <cellStyle name="標準 3 8 5 5_原油高騰等の影響業種" xfId="11444"/>
    <cellStyle name="標準 3 8 5 6" xfId="3184"/>
    <cellStyle name="標準 3 8 5 7" xfId="6136"/>
    <cellStyle name="標準 3 8 5_原油高騰等の影響業種" xfId="11437"/>
    <cellStyle name="標準 3 8 6" xfId="421"/>
    <cellStyle name="標準 3 8 6 2" xfId="1159"/>
    <cellStyle name="標準 3 8 6 2 2" xfId="4111"/>
    <cellStyle name="標準 3 8 6 2 3" xfId="7063"/>
    <cellStyle name="標準 3 8 6 2_原油高騰等の影響業種" xfId="11446"/>
    <cellStyle name="標準 3 8 6 3" xfId="1897"/>
    <cellStyle name="標準 3 8 6 3 2" xfId="4849"/>
    <cellStyle name="標準 3 8 6 3 3" xfId="7801"/>
    <cellStyle name="標準 3 8 6 3_原油高騰等の影響業種" xfId="11447"/>
    <cellStyle name="標準 3 8 6 4" xfId="2635"/>
    <cellStyle name="標準 3 8 6 4 2" xfId="5587"/>
    <cellStyle name="標準 3 8 6 4 3" xfId="8539"/>
    <cellStyle name="標準 3 8 6 4_原油高騰等の影響業種" xfId="11448"/>
    <cellStyle name="標準 3 8 6 5" xfId="3373"/>
    <cellStyle name="標準 3 8 6 6" xfId="6325"/>
    <cellStyle name="標準 3 8 6_原油高騰等の影響業種" xfId="11445"/>
    <cellStyle name="標準 3 8 7" xfId="790"/>
    <cellStyle name="標準 3 8 7 2" xfId="3742"/>
    <cellStyle name="標準 3 8 7 3" xfId="6694"/>
    <cellStyle name="標準 3 8 7_原油高騰等の影響業種" xfId="11449"/>
    <cellStyle name="標準 3 8 8" xfId="1528"/>
    <cellStyle name="標準 3 8 8 2" xfId="4480"/>
    <cellStyle name="標準 3 8 8 3" xfId="7432"/>
    <cellStyle name="標準 3 8 8_原油高騰等の影響業種" xfId="11450"/>
    <cellStyle name="標準 3 8 9" xfId="2266"/>
    <cellStyle name="標準 3 8 9 2" xfId="5218"/>
    <cellStyle name="標準 3 8 9 3" xfId="8170"/>
    <cellStyle name="標準 3 8 9_原油高騰等の影響業種" xfId="11451"/>
    <cellStyle name="標準 3 8_原油高騰等の影響業種" xfId="11388"/>
    <cellStyle name="標準 3 9" xfId="57"/>
    <cellStyle name="標準 3 9 2" xfId="237"/>
    <cellStyle name="標準 3 9 2 2" xfId="610"/>
    <cellStyle name="標準 3 9 2 2 2" xfId="1348"/>
    <cellStyle name="標準 3 9 2 2 2 2" xfId="4300"/>
    <cellStyle name="標準 3 9 2 2 2 3" xfId="7252"/>
    <cellStyle name="標準 3 9 2 2 2_原油高騰等の影響業種" xfId="11455"/>
    <cellStyle name="標準 3 9 2 2 3" xfId="2086"/>
    <cellStyle name="標準 3 9 2 2 3 2" xfId="5038"/>
    <cellStyle name="標準 3 9 2 2 3 3" xfId="7990"/>
    <cellStyle name="標準 3 9 2 2 3_原油高騰等の影響業種" xfId="11456"/>
    <cellStyle name="標準 3 9 2 2 4" xfId="2824"/>
    <cellStyle name="標準 3 9 2 2 4 2" xfId="5776"/>
    <cellStyle name="標準 3 9 2 2 4 3" xfId="8728"/>
    <cellStyle name="標準 3 9 2 2 4_原油高騰等の影響業種" xfId="11457"/>
    <cellStyle name="標準 3 9 2 2 5" xfId="3562"/>
    <cellStyle name="標準 3 9 2 2 6" xfId="6514"/>
    <cellStyle name="標準 3 9 2 2_原油高騰等の影響業種" xfId="11454"/>
    <cellStyle name="標準 3 9 2 3" xfId="979"/>
    <cellStyle name="標準 3 9 2 3 2" xfId="3931"/>
    <cellStyle name="標準 3 9 2 3 3" xfId="6883"/>
    <cellStyle name="標準 3 9 2 3_原油高騰等の影響業種" xfId="11458"/>
    <cellStyle name="標準 3 9 2 4" xfId="1717"/>
    <cellStyle name="標準 3 9 2 4 2" xfId="4669"/>
    <cellStyle name="標準 3 9 2 4 3" xfId="7621"/>
    <cellStyle name="標準 3 9 2 4_原油高騰等の影響業種" xfId="11459"/>
    <cellStyle name="標準 3 9 2 5" xfId="2455"/>
    <cellStyle name="標準 3 9 2 5 2" xfId="5407"/>
    <cellStyle name="標準 3 9 2 5 3" xfId="8359"/>
    <cellStyle name="標準 3 9 2 5_原油高騰等の影響業種" xfId="11460"/>
    <cellStyle name="標準 3 9 2 6" xfId="3193"/>
    <cellStyle name="標準 3 9 2 7" xfId="6145"/>
    <cellStyle name="標準 3 9 2_原油高騰等の影響業種" xfId="11453"/>
    <cellStyle name="標準 3 9 3" xfId="430"/>
    <cellStyle name="標準 3 9 3 2" xfId="1168"/>
    <cellStyle name="標準 3 9 3 2 2" xfId="4120"/>
    <cellStyle name="標準 3 9 3 2 3" xfId="7072"/>
    <cellStyle name="標準 3 9 3 2_原油高騰等の影響業種" xfId="11462"/>
    <cellStyle name="標準 3 9 3 3" xfId="1906"/>
    <cellStyle name="標準 3 9 3 3 2" xfId="4858"/>
    <cellStyle name="標準 3 9 3 3 3" xfId="7810"/>
    <cellStyle name="標準 3 9 3 3_原油高騰等の影響業種" xfId="11463"/>
    <cellStyle name="標準 3 9 3 4" xfId="2644"/>
    <cellStyle name="標準 3 9 3 4 2" xfId="5596"/>
    <cellStyle name="標準 3 9 3 4 3" xfId="8548"/>
    <cellStyle name="標準 3 9 3 4_原油高騰等の影響業種" xfId="11464"/>
    <cellStyle name="標準 3 9 3 5" xfId="3382"/>
    <cellStyle name="標準 3 9 3 6" xfId="6334"/>
    <cellStyle name="標準 3 9 3_原油高騰等の影響業種" xfId="11461"/>
    <cellStyle name="標準 3 9 4" xfId="799"/>
    <cellStyle name="標準 3 9 4 2" xfId="3751"/>
    <cellStyle name="標準 3 9 4 3" xfId="6703"/>
    <cellStyle name="標準 3 9 4_原油高騰等の影響業種" xfId="11465"/>
    <cellStyle name="標準 3 9 5" xfId="1537"/>
    <cellStyle name="標準 3 9 5 2" xfId="4489"/>
    <cellStyle name="標準 3 9 5 3" xfId="7441"/>
    <cellStyle name="標準 3 9 5_原油高騰等の影響業種" xfId="11466"/>
    <cellStyle name="標準 3 9 6" xfId="2275"/>
    <cellStyle name="標準 3 9 6 2" xfId="5227"/>
    <cellStyle name="標準 3 9 6 3" xfId="8179"/>
    <cellStyle name="標準 3 9 6_原油高騰等の影響業種" xfId="11467"/>
    <cellStyle name="標準 3 9 7" xfId="3013"/>
    <cellStyle name="標準 3 9 8" xfId="5965"/>
    <cellStyle name="標準 3 9_原油高騰等の影響業種" xfId="11452"/>
    <cellStyle name="標準 3_原油高騰等の影響業種" xfId="8908"/>
    <cellStyle name="標準 4" xfId="20"/>
    <cellStyle name="標準 4 10" xfId="762"/>
    <cellStyle name="標準 4 10 2" xfId="3714"/>
    <cellStyle name="標準 4 10 3" xfId="6666"/>
    <cellStyle name="標準 4 10_原油高騰等の影響業種" xfId="11469"/>
    <cellStyle name="標準 4 11" xfId="1500"/>
    <cellStyle name="標準 4 11 2" xfId="4452"/>
    <cellStyle name="標準 4 11 3" xfId="7404"/>
    <cellStyle name="標準 4 11_原油高騰等の影響業種" xfId="11470"/>
    <cellStyle name="標準 4 12" xfId="2238"/>
    <cellStyle name="標準 4 12 2" xfId="5190"/>
    <cellStyle name="標準 4 12 3" xfId="8142"/>
    <cellStyle name="標準 4 12_原油高騰等の影響業種" xfId="11471"/>
    <cellStyle name="標準 4 13" xfId="2976"/>
    <cellStyle name="標準 4 14" xfId="5928"/>
    <cellStyle name="標準 4 2" xfId="29"/>
    <cellStyle name="標準 4 2 10" xfId="2247"/>
    <cellStyle name="標準 4 2 10 2" xfId="5199"/>
    <cellStyle name="標準 4 2 10 3" xfId="8151"/>
    <cellStyle name="標準 4 2 10_原油高騰等の影響業種" xfId="11473"/>
    <cellStyle name="標準 4 2 11" xfId="2985"/>
    <cellStyle name="標準 4 2 12" xfId="5937"/>
    <cellStyle name="標準 4 2 2" xfId="47"/>
    <cellStyle name="標準 4 2 2 10" xfId="3003"/>
    <cellStyle name="標準 4 2 2 11" xfId="5955"/>
    <cellStyle name="標準 4 2 2 2" xfId="92"/>
    <cellStyle name="標準 4 2 2 2 2" xfId="272"/>
    <cellStyle name="標準 4 2 2 2 2 2" xfId="645"/>
    <cellStyle name="標準 4 2 2 2 2 2 2" xfId="1383"/>
    <cellStyle name="標準 4 2 2 2 2 2 2 2" xfId="4335"/>
    <cellStyle name="標準 4 2 2 2 2 2 2 3" xfId="7287"/>
    <cellStyle name="標準 4 2 2 2 2 2 2_原油高騰等の影響業種" xfId="11478"/>
    <cellStyle name="標準 4 2 2 2 2 2 3" xfId="2121"/>
    <cellStyle name="標準 4 2 2 2 2 2 3 2" xfId="5073"/>
    <cellStyle name="標準 4 2 2 2 2 2 3 3" xfId="8025"/>
    <cellStyle name="標準 4 2 2 2 2 2 3_原油高騰等の影響業種" xfId="11479"/>
    <cellStyle name="標準 4 2 2 2 2 2 4" xfId="2859"/>
    <cellStyle name="標準 4 2 2 2 2 2 4 2" xfId="5811"/>
    <cellStyle name="標準 4 2 2 2 2 2 4 3" xfId="8763"/>
    <cellStyle name="標準 4 2 2 2 2 2 4_原油高騰等の影響業種" xfId="11480"/>
    <cellStyle name="標準 4 2 2 2 2 2 5" xfId="3597"/>
    <cellStyle name="標準 4 2 2 2 2 2 6" xfId="6549"/>
    <cellStyle name="標準 4 2 2 2 2 2_原油高騰等の影響業種" xfId="11477"/>
    <cellStyle name="標準 4 2 2 2 2 3" xfId="1014"/>
    <cellStyle name="標準 4 2 2 2 2 3 2" xfId="3966"/>
    <cellStyle name="標準 4 2 2 2 2 3 3" xfId="6918"/>
    <cellStyle name="標準 4 2 2 2 2 3_原油高騰等の影響業種" xfId="11481"/>
    <cellStyle name="標準 4 2 2 2 2 4" xfId="1752"/>
    <cellStyle name="標準 4 2 2 2 2 4 2" xfId="4704"/>
    <cellStyle name="標準 4 2 2 2 2 4 3" xfId="7656"/>
    <cellStyle name="標準 4 2 2 2 2 4_原油高騰等の影響業種" xfId="11482"/>
    <cellStyle name="標準 4 2 2 2 2 5" xfId="2490"/>
    <cellStyle name="標準 4 2 2 2 2 5 2" xfId="5442"/>
    <cellStyle name="標準 4 2 2 2 2 5 3" xfId="8394"/>
    <cellStyle name="標準 4 2 2 2 2 5_原油高騰等の影響業種" xfId="11483"/>
    <cellStyle name="標準 4 2 2 2 2 6" xfId="3228"/>
    <cellStyle name="標準 4 2 2 2 2 7" xfId="6180"/>
    <cellStyle name="標準 4 2 2 2 2_原油高騰等の影響業種" xfId="11476"/>
    <cellStyle name="標準 4 2 2 2 3" xfId="465"/>
    <cellStyle name="標準 4 2 2 2 3 2" xfId="1203"/>
    <cellStyle name="標準 4 2 2 2 3 2 2" xfId="4155"/>
    <cellStyle name="標準 4 2 2 2 3 2 3" xfId="7107"/>
    <cellStyle name="標準 4 2 2 2 3 2_原油高騰等の影響業種" xfId="11485"/>
    <cellStyle name="標準 4 2 2 2 3 3" xfId="1941"/>
    <cellStyle name="標準 4 2 2 2 3 3 2" xfId="4893"/>
    <cellStyle name="標準 4 2 2 2 3 3 3" xfId="7845"/>
    <cellStyle name="標準 4 2 2 2 3 3_原油高騰等の影響業種" xfId="11486"/>
    <cellStyle name="標準 4 2 2 2 3 4" xfId="2679"/>
    <cellStyle name="標準 4 2 2 2 3 4 2" xfId="5631"/>
    <cellStyle name="標準 4 2 2 2 3 4 3" xfId="8583"/>
    <cellStyle name="標準 4 2 2 2 3 4_原油高騰等の影響業種" xfId="11487"/>
    <cellStyle name="標準 4 2 2 2 3 5" xfId="3417"/>
    <cellStyle name="標準 4 2 2 2 3 6" xfId="6369"/>
    <cellStyle name="標準 4 2 2 2 3_原油高騰等の影響業種" xfId="11484"/>
    <cellStyle name="標準 4 2 2 2 4" xfId="834"/>
    <cellStyle name="標準 4 2 2 2 4 2" xfId="3786"/>
    <cellStyle name="標準 4 2 2 2 4 3" xfId="6738"/>
    <cellStyle name="標準 4 2 2 2 4_原油高騰等の影響業種" xfId="11488"/>
    <cellStyle name="標準 4 2 2 2 5" xfId="1572"/>
    <cellStyle name="標準 4 2 2 2 5 2" xfId="4524"/>
    <cellStyle name="標準 4 2 2 2 5 3" xfId="7476"/>
    <cellStyle name="標準 4 2 2 2 5_原油高騰等の影響業種" xfId="11489"/>
    <cellStyle name="標準 4 2 2 2 6" xfId="2310"/>
    <cellStyle name="標準 4 2 2 2 6 2" xfId="5262"/>
    <cellStyle name="標準 4 2 2 2 6 3" xfId="8214"/>
    <cellStyle name="標準 4 2 2 2 6_原油高騰等の影響業種" xfId="11490"/>
    <cellStyle name="標準 4 2 2 2 7" xfId="3048"/>
    <cellStyle name="標準 4 2 2 2 8" xfId="6000"/>
    <cellStyle name="標準 4 2 2 2_原油高騰等の影響業種" xfId="11475"/>
    <cellStyle name="標準 4 2 2 3" xfId="137"/>
    <cellStyle name="標準 4 2 2 3 2" xfId="317"/>
    <cellStyle name="標準 4 2 2 3 2 2" xfId="690"/>
    <cellStyle name="標準 4 2 2 3 2 2 2" xfId="1428"/>
    <cellStyle name="標準 4 2 2 3 2 2 2 2" xfId="4380"/>
    <cellStyle name="標準 4 2 2 3 2 2 2 3" xfId="7332"/>
    <cellStyle name="標準 4 2 2 3 2 2 2_原油高騰等の影響業種" xfId="11494"/>
    <cellStyle name="標準 4 2 2 3 2 2 3" xfId="2166"/>
    <cellStyle name="標準 4 2 2 3 2 2 3 2" xfId="5118"/>
    <cellStyle name="標準 4 2 2 3 2 2 3 3" xfId="8070"/>
    <cellStyle name="標準 4 2 2 3 2 2 3_原油高騰等の影響業種" xfId="11495"/>
    <cellStyle name="標準 4 2 2 3 2 2 4" xfId="2904"/>
    <cellStyle name="標準 4 2 2 3 2 2 4 2" xfId="5856"/>
    <cellStyle name="標準 4 2 2 3 2 2 4 3" xfId="8808"/>
    <cellStyle name="標準 4 2 2 3 2 2 4_原油高騰等の影響業種" xfId="11496"/>
    <cellStyle name="標準 4 2 2 3 2 2 5" xfId="3642"/>
    <cellStyle name="標準 4 2 2 3 2 2 6" xfId="6594"/>
    <cellStyle name="標準 4 2 2 3 2 2_原油高騰等の影響業種" xfId="11493"/>
    <cellStyle name="標準 4 2 2 3 2 3" xfId="1059"/>
    <cellStyle name="標準 4 2 2 3 2 3 2" xfId="4011"/>
    <cellStyle name="標準 4 2 2 3 2 3 3" xfId="6963"/>
    <cellStyle name="標準 4 2 2 3 2 3_原油高騰等の影響業種" xfId="11497"/>
    <cellStyle name="標準 4 2 2 3 2 4" xfId="1797"/>
    <cellStyle name="標準 4 2 2 3 2 4 2" xfId="4749"/>
    <cellStyle name="標準 4 2 2 3 2 4 3" xfId="7701"/>
    <cellStyle name="標準 4 2 2 3 2 4_原油高騰等の影響業種" xfId="11498"/>
    <cellStyle name="標準 4 2 2 3 2 5" xfId="2535"/>
    <cellStyle name="標準 4 2 2 3 2 5 2" xfId="5487"/>
    <cellStyle name="標準 4 2 2 3 2 5 3" xfId="8439"/>
    <cellStyle name="標準 4 2 2 3 2 5_原油高騰等の影響業種" xfId="11499"/>
    <cellStyle name="標準 4 2 2 3 2 6" xfId="3273"/>
    <cellStyle name="標準 4 2 2 3 2 7" xfId="6225"/>
    <cellStyle name="標準 4 2 2 3 2_原油高騰等の影響業種" xfId="11492"/>
    <cellStyle name="標準 4 2 2 3 3" xfId="510"/>
    <cellStyle name="標準 4 2 2 3 3 2" xfId="1248"/>
    <cellStyle name="標準 4 2 2 3 3 2 2" xfId="4200"/>
    <cellStyle name="標準 4 2 2 3 3 2 3" xfId="7152"/>
    <cellStyle name="標準 4 2 2 3 3 2_原油高騰等の影響業種" xfId="11501"/>
    <cellStyle name="標準 4 2 2 3 3 3" xfId="1986"/>
    <cellStyle name="標準 4 2 2 3 3 3 2" xfId="4938"/>
    <cellStyle name="標準 4 2 2 3 3 3 3" xfId="7890"/>
    <cellStyle name="標準 4 2 2 3 3 3_原油高騰等の影響業種" xfId="11502"/>
    <cellStyle name="標準 4 2 2 3 3 4" xfId="2724"/>
    <cellStyle name="標準 4 2 2 3 3 4 2" xfId="5676"/>
    <cellStyle name="標準 4 2 2 3 3 4 3" xfId="8628"/>
    <cellStyle name="標準 4 2 2 3 3 4_原油高騰等の影響業種" xfId="11503"/>
    <cellStyle name="標準 4 2 2 3 3 5" xfId="3462"/>
    <cellStyle name="標準 4 2 2 3 3 6" xfId="6414"/>
    <cellStyle name="標準 4 2 2 3 3_原油高騰等の影響業種" xfId="11500"/>
    <cellStyle name="標準 4 2 2 3 4" xfId="879"/>
    <cellStyle name="標準 4 2 2 3 4 2" xfId="3831"/>
    <cellStyle name="標準 4 2 2 3 4 3" xfId="6783"/>
    <cellStyle name="標準 4 2 2 3 4_原油高騰等の影響業種" xfId="11504"/>
    <cellStyle name="標準 4 2 2 3 5" xfId="1617"/>
    <cellStyle name="標準 4 2 2 3 5 2" xfId="4569"/>
    <cellStyle name="標準 4 2 2 3 5 3" xfId="7521"/>
    <cellStyle name="標準 4 2 2 3 5_原油高騰等の影響業種" xfId="11505"/>
    <cellStyle name="標準 4 2 2 3 6" xfId="2355"/>
    <cellStyle name="標準 4 2 2 3 6 2" xfId="5307"/>
    <cellStyle name="標準 4 2 2 3 6 3" xfId="8259"/>
    <cellStyle name="標準 4 2 2 3 6_原油高騰等の影響業種" xfId="11506"/>
    <cellStyle name="標準 4 2 2 3 7" xfId="3093"/>
    <cellStyle name="標準 4 2 2 3 8" xfId="6045"/>
    <cellStyle name="標準 4 2 2 3_原油高騰等の影響業種" xfId="11491"/>
    <cellStyle name="標準 4 2 2 4" xfId="182"/>
    <cellStyle name="標準 4 2 2 4 2" xfId="362"/>
    <cellStyle name="標準 4 2 2 4 2 2" xfId="735"/>
    <cellStyle name="標準 4 2 2 4 2 2 2" xfId="1473"/>
    <cellStyle name="標準 4 2 2 4 2 2 2 2" xfId="4425"/>
    <cellStyle name="標準 4 2 2 4 2 2 2 3" xfId="7377"/>
    <cellStyle name="標準 4 2 2 4 2 2 2_原油高騰等の影響業種" xfId="11510"/>
    <cellStyle name="標準 4 2 2 4 2 2 3" xfId="2211"/>
    <cellStyle name="標準 4 2 2 4 2 2 3 2" xfId="5163"/>
    <cellStyle name="標準 4 2 2 4 2 2 3 3" xfId="8115"/>
    <cellStyle name="標準 4 2 2 4 2 2 3_原油高騰等の影響業種" xfId="11511"/>
    <cellStyle name="標準 4 2 2 4 2 2 4" xfId="2949"/>
    <cellStyle name="標準 4 2 2 4 2 2 4 2" xfId="5901"/>
    <cellStyle name="標準 4 2 2 4 2 2 4 3" xfId="8853"/>
    <cellStyle name="標準 4 2 2 4 2 2 4_原油高騰等の影響業種" xfId="11512"/>
    <cellStyle name="標準 4 2 2 4 2 2 5" xfId="3687"/>
    <cellStyle name="標準 4 2 2 4 2 2 6" xfId="6639"/>
    <cellStyle name="標準 4 2 2 4 2 2_原油高騰等の影響業種" xfId="11509"/>
    <cellStyle name="標準 4 2 2 4 2 3" xfId="1104"/>
    <cellStyle name="標準 4 2 2 4 2 3 2" xfId="4056"/>
    <cellStyle name="標準 4 2 2 4 2 3 3" xfId="7008"/>
    <cellStyle name="標準 4 2 2 4 2 3_原油高騰等の影響業種" xfId="11513"/>
    <cellStyle name="標準 4 2 2 4 2 4" xfId="1842"/>
    <cellStyle name="標準 4 2 2 4 2 4 2" xfId="4794"/>
    <cellStyle name="標準 4 2 2 4 2 4 3" xfId="7746"/>
    <cellStyle name="標準 4 2 2 4 2 4_原油高騰等の影響業種" xfId="11514"/>
    <cellStyle name="標準 4 2 2 4 2 5" xfId="2580"/>
    <cellStyle name="標準 4 2 2 4 2 5 2" xfId="5532"/>
    <cellStyle name="標準 4 2 2 4 2 5 3" xfId="8484"/>
    <cellStyle name="標準 4 2 2 4 2 5_原油高騰等の影響業種" xfId="11515"/>
    <cellStyle name="標準 4 2 2 4 2 6" xfId="3318"/>
    <cellStyle name="標準 4 2 2 4 2 7" xfId="6270"/>
    <cellStyle name="標準 4 2 2 4 2_原油高騰等の影響業種" xfId="11508"/>
    <cellStyle name="標準 4 2 2 4 3" xfId="555"/>
    <cellStyle name="標準 4 2 2 4 3 2" xfId="1293"/>
    <cellStyle name="標準 4 2 2 4 3 2 2" xfId="4245"/>
    <cellStyle name="標準 4 2 2 4 3 2 3" xfId="7197"/>
    <cellStyle name="標準 4 2 2 4 3 2_原油高騰等の影響業種" xfId="11517"/>
    <cellStyle name="標準 4 2 2 4 3 3" xfId="2031"/>
    <cellStyle name="標準 4 2 2 4 3 3 2" xfId="4983"/>
    <cellStyle name="標準 4 2 2 4 3 3 3" xfId="7935"/>
    <cellStyle name="標準 4 2 2 4 3 3_原油高騰等の影響業種" xfId="11518"/>
    <cellStyle name="標準 4 2 2 4 3 4" xfId="2769"/>
    <cellStyle name="標準 4 2 2 4 3 4 2" xfId="5721"/>
    <cellStyle name="標準 4 2 2 4 3 4 3" xfId="8673"/>
    <cellStyle name="標準 4 2 2 4 3 4_原油高騰等の影響業種" xfId="11519"/>
    <cellStyle name="標準 4 2 2 4 3 5" xfId="3507"/>
    <cellStyle name="標準 4 2 2 4 3 6" xfId="6459"/>
    <cellStyle name="標準 4 2 2 4 3_原油高騰等の影響業種" xfId="11516"/>
    <cellStyle name="標準 4 2 2 4 4" xfId="924"/>
    <cellStyle name="標準 4 2 2 4 4 2" xfId="3876"/>
    <cellStyle name="標準 4 2 2 4 4 3" xfId="6828"/>
    <cellStyle name="標準 4 2 2 4 4_原油高騰等の影響業種" xfId="11520"/>
    <cellStyle name="標準 4 2 2 4 5" xfId="1662"/>
    <cellStyle name="標準 4 2 2 4 5 2" xfId="4614"/>
    <cellStyle name="標準 4 2 2 4 5 3" xfId="7566"/>
    <cellStyle name="標準 4 2 2 4 5_原油高騰等の影響業種" xfId="11521"/>
    <cellStyle name="標準 4 2 2 4 6" xfId="2400"/>
    <cellStyle name="標準 4 2 2 4 6 2" xfId="5352"/>
    <cellStyle name="標準 4 2 2 4 6 3" xfId="8304"/>
    <cellStyle name="標準 4 2 2 4 6_原油高騰等の影響業種" xfId="11522"/>
    <cellStyle name="標準 4 2 2 4 7" xfId="3138"/>
    <cellStyle name="標準 4 2 2 4 8" xfId="6090"/>
    <cellStyle name="標準 4 2 2 4_原油高騰等の影響業種" xfId="11507"/>
    <cellStyle name="標準 4 2 2 5" xfId="227"/>
    <cellStyle name="標準 4 2 2 5 2" xfId="600"/>
    <cellStyle name="標準 4 2 2 5 2 2" xfId="1338"/>
    <cellStyle name="標準 4 2 2 5 2 2 2" xfId="4290"/>
    <cellStyle name="標準 4 2 2 5 2 2 3" xfId="7242"/>
    <cellStyle name="標準 4 2 2 5 2 2_原油高騰等の影響業種" xfId="11525"/>
    <cellStyle name="標準 4 2 2 5 2 3" xfId="2076"/>
    <cellStyle name="標準 4 2 2 5 2 3 2" xfId="5028"/>
    <cellStyle name="標準 4 2 2 5 2 3 3" xfId="7980"/>
    <cellStyle name="標準 4 2 2 5 2 3_原油高騰等の影響業種" xfId="11526"/>
    <cellStyle name="標準 4 2 2 5 2 4" xfId="2814"/>
    <cellStyle name="標準 4 2 2 5 2 4 2" xfId="5766"/>
    <cellStyle name="標準 4 2 2 5 2 4 3" xfId="8718"/>
    <cellStyle name="標準 4 2 2 5 2 4_原油高騰等の影響業種" xfId="11527"/>
    <cellStyle name="標準 4 2 2 5 2 5" xfId="3552"/>
    <cellStyle name="標準 4 2 2 5 2 6" xfId="6504"/>
    <cellStyle name="標準 4 2 2 5 2_原油高騰等の影響業種" xfId="11524"/>
    <cellStyle name="標準 4 2 2 5 3" xfId="969"/>
    <cellStyle name="標準 4 2 2 5 3 2" xfId="3921"/>
    <cellStyle name="標準 4 2 2 5 3 3" xfId="6873"/>
    <cellStyle name="標準 4 2 2 5 3_原油高騰等の影響業種" xfId="11528"/>
    <cellStyle name="標準 4 2 2 5 4" xfId="1707"/>
    <cellStyle name="標準 4 2 2 5 4 2" xfId="4659"/>
    <cellStyle name="標準 4 2 2 5 4 3" xfId="7611"/>
    <cellStyle name="標準 4 2 2 5 4_原油高騰等の影響業種" xfId="11529"/>
    <cellStyle name="標準 4 2 2 5 5" xfId="2445"/>
    <cellStyle name="標準 4 2 2 5 5 2" xfId="5397"/>
    <cellStyle name="標準 4 2 2 5 5 3" xfId="8349"/>
    <cellStyle name="標準 4 2 2 5 5_原油高騰等の影響業種" xfId="11530"/>
    <cellStyle name="標準 4 2 2 5 6" xfId="3183"/>
    <cellStyle name="標準 4 2 2 5 7" xfId="6135"/>
    <cellStyle name="標準 4 2 2 5_原油高騰等の影響業種" xfId="11523"/>
    <cellStyle name="標準 4 2 2 6" xfId="420"/>
    <cellStyle name="標準 4 2 2 6 2" xfId="1158"/>
    <cellStyle name="標準 4 2 2 6 2 2" xfId="4110"/>
    <cellStyle name="標準 4 2 2 6 2 3" xfId="7062"/>
    <cellStyle name="標準 4 2 2 6 2_原油高騰等の影響業種" xfId="11532"/>
    <cellStyle name="標準 4 2 2 6 3" xfId="1896"/>
    <cellStyle name="標準 4 2 2 6 3 2" xfId="4848"/>
    <cellStyle name="標準 4 2 2 6 3 3" xfId="7800"/>
    <cellStyle name="標準 4 2 2 6 3_原油高騰等の影響業種" xfId="11533"/>
    <cellStyle name="標準 4 2 2 6 4" xfId="2634"/>
    <cellStyle name="標準 4 2 2 6 4 2" xfId="5586"/>
    <cellStyle name="標準 4 2 2 6 4 3" xfId="8538"/>
    <cellStyle name="標準 4 2 2 6 4_原油高騰等の影響業種" xfId="11534"/>
    <cellStyle name="標準 4 2 2 6 5" xfId="3372"/>
    <cellStyle name="標準 4 2 2 6 6" xfId="6324"/>
    <cellStyle name="標準 4 2 2 6_原油高騰等の影響業種" xfId="11531"/>
    <cellStyle name="標準 4 2 2 7" xfId="789"/>
    <cellStyle name="標準 4 2 2 7 2" xfId="3741"/>
    <cellStyle name="標準 4 2 2 7 3" xfId="6693"/>
    <cellStyle name="標準 4 2 2 7_原油高騰等の影響業種" xfId="11535"/>
    <cellStyle name="標準 4 2 2 8" xfId="1527"/>
    <cellStyle name="標準 4 2 2 8 2" xfId="4479"/>
    <cellStyle name="標準 4 2 2 8 3" xfId="7431"/>
    <cellStyle name="標準 4 2 2 8_原油高騰等の影響業種" xfId="11536"/>
    <cellStyle name="標準 4 2 2 9" xfId="2265"/>
    <cellStyle name="標準 4 2 2 9 2" xfId="5217"/>
    <cellStyle name="標準 4 2 2 9 3" xfId="8169"/>
    <cellStyle name="標準 4 2 2 9_原油高騰等の影響業種" xfId="11537"/>
    <cellStyle name="標準 4 2 2_原油高騰等の影響業種" xfId="11474"/>
    <cellStyle name="標準 4 2 3" xfId="74"/>
    <cellStyle name="標準 4 2 3 2" xfId="254"/>
    <cellStyle name="標準 4 2 3 2 2" xfId="627"/>
    <cellStyle name="標準 4 2 3 2 2 2" xfId="1365"/>
    <cellStyle name="標準 4 2 3 2 2 2 2" xfId="4317"/>
    <cellStyle name="標準 4 2 3 2 2 2 3" xfId="7269"/>
    <cellStyle name="標準 4 2 3 2 2 2_原油高騰等の影響業種" xfId="11541"/>
    <cellStyle name="標準 4 2 3 2 2 3" xfId="2103"/>
    <cellStyle name="標準 4 2 3 2 2 3 2" xfId="5055"/>
    <cellStyle name="標準 4 2 3 2 2 3 3" xfId="8007"/>
    <cellStyle name="標準 4 2 3 2 2 3_原油高騰等の影響業種" xfId="11542"/>
    <cellStyle name="標準 4 2 3 2 2 4" xfId="2841"/>
    <cellStyle name="標準 4 2 3 2 2 4 2" xfId="5793"/>
    <cellStyle name="標準 4 2 3 2 2 4 3" xfId="8745"/>
    <cellStyle name="標準 4 2 3 2 2 4_原油高騰等の影響業種" xfId="11543"/>
    <cellStyle name="標準 4 2 3 2 2 5" xfId="3579"/>
    <cellStyle name="標準 4 2 3 2 2 6" xfId="6531"/>
    <cellStyle name="標準 4 2 3 2 2_原油高騰等の影響業種" xfId="11540"/>
    <cellStyle name="標準 4 2 3 2 3" xfId="996"/>
    <cellStyle name="標準 4 2 3 2 3 2" xfId="3948"/>
    <cellStyle name="標準 4 2 3 2 3 3" xfId="6900"/>
    <cellStyle name="標準 4 2 3 2 3_原油高騰等の影響業種" xfId="11544"/>
    <cellStyle name="標準 4 2 3 2 4" xfId="1734"/>
    <cellStyle name="標準 4 2 3 2 4 2" xfId="4686"/>
    <cellStyle name="標準 4 2 3 2 4 3" xfId="7638"/>
    <cellStyle name="標準 4 2 3 2 4_原油高騰等の影響業種" xfId="11545"/>
    <cellStyle name="標準 4 2 3 2 5" xfId="2472"/>
    <cellStyle name="標準 4 2 3 2 5 2" xfId="5424"/>
    <cellStyle name="標準 4 2 3 2 5 3" xfId="8376"/>
    <cellStyle name="標準 4 2 3 2 5_原油高騰等の影響業種" xfId="11546"/>
    <cellStyle name="標準 4 2 3 2 6" xfId="3210"/>
    <cellStyle name="標準 4 2 3 2 7" xfId="6162"/>
    <cellStyle name="標準 4 2 3 2_原油高騰等の影響業種" xfId="11539"/>
    <cellStyle name="標準 4 2 3 3" xfId="447"/>
    <cellStyle name="標準 4 2 3 3 2" xfId="1185"/>
    <cellStyle name="標準 4 2 3 3 2 2" xfId="4137"/>
    <cellStyle name="標準 4 2 3 3 2 3" xfId="7089"/>
    <cellStyle name="標準 4 2 3 3 2_原油高騰等の影響業種" xfId="11548"/>
    <cellStyle name="標準 4 2 3 3 3" xfId="1923"/>
    <cellStyle name="標準 4 2 3 3 3 2" xfId="4875"/>
    <cellStyle name="標準 4 2 3 3 3 3" xfId="7827"/>
    <cellStyle name="標準 4 2 3 3 3_原油高騰等の影響業種" xfId="11549"/>
    <cellStyle name="標準 4 2 3 3 4" xfId="2661"/>
    <cellStyle name="標準 4 2 3 3 4 2" xfId="5613"/>
    <cellStyle name="標準 4 2 3 3 4 3" xfId="8565"/>
    <cellStyle name="標準 4 2 3 3 4_原油高騰等の影響業種" xfId="11550"/>
    <cellStyle name="標準 4 2 3 3 5" xfId="3399"/>
    <cellStyle name="標準 4 2 3 3 6" xfId="6351"/>
    <cellStyle name="標準 4 2 3 3_原油高騰等の影響業種" xfId="11547"/>
    <cellStyle name="標準 4 2 3 4" xfId="816"/>
    <cellStyle name="標準 4 2 3 4 2" xfId="3768"/>
    <cellStyle name="標準 4 2 3 4 3" xfId="6720"/>
    <cellStyle name="標準 4 2 3 4_原油高騰等の影響業種" xfId="11551"/>
    <cellStyle name="標準 4 2 3 5" xfId="1554"/>
    <cellStyle name="標準 4 2 3 5 2" xfId="4506"/>
    <cellStyle name="標準 4 2 3 5 3" xfId="7458"/>
    <cellStyle name="標準 4 2 3 5_原油高騰等の影響業種" xfId="11552"/>
    <cellStyle name="標準 4 2 3 6" xfId="2292"/>
    <cellStyle name="標準 4 2 3 6 2" xfId="5244"/>
    <cellStyle name="標準 4 2 3 6 3" xfId="8196"/>
    <cellStyle name="標準 4 2 3 6_原油高騰等の影響業種" xfId="11553"/>
    <cellStyle name="標準 4 2 3 7" xfId="3030"/>
    <cellStyle name="標準 4 2 3 8" xfId="5982"/>
    <cellStyle name="標準 4 2 3_原油高騰等の影響業種" xfId="11538"/>
    <cellStyle name="標準 4 2 4" xfId="119"/>
    <cellStyle name="標準 4 2 4 2" xfId="299"/>
    <cellStyle name="標準 4 2 4 2 2" xfId="672"/>
    <cellStyle name="標準 4 2 4 2 2 2" xfId="1410"/>
    <cellStyle name="標準 4 2 4 2 2 2 2" xfId="4362"/>
    <cellStyle name="標準 4 2 4 2 2 2 3" xfId="7314"/>
    <cellStyle name="標準 4 2 4 2 2 2_原油高騰等の影響業種" xfId="11557"/>
    <cellStyle name="標準 4 2 4 2 2 3" xfId="2148"/>
    <cellStyle name="標準 4 2 4 2 2 3 2" xfId="5100"/>
    <cellStyle name="標準 4 2 4 2 2 3 3" xfId="8052"/>
    <cellStyle name="標準 4 2 4 2 2 3_原油高騰等の影響業種" xfId="11558"/>
    <cellStyle name="標準 4 2 4 2 2 4" xfId="2886"/>
    <cellStyle name="標準 4 2 4 2 2 4 2" xfId="5838"/>
    <cellStyle name="標準 4 2 4 2 2 4 3" xfId="8790"/>
    <cellStyle name="標準 4 2 4 2 2 4_原油高騰等の影響業種" xfId="11559"/>
    <cellStyle name="標準 4 2 4 2 2 5" xfId="3624"/>
    <cellStyle name="標準 4 2 4 2 2 6" xfId="6576"/>
    <cellStyle name="標準 4 2 4 2 2_原油高騰等の影響業種" xfId="11556"/>
    <cellStyle name="標準 4 2 4 2 3" xfId="1041"/>
    <cellStyle name="標準 4 2 4 2 3 2" xfId="3993"/>
    <cellStyle name="標準 4 2 4 2 3 3" xfId="6945"/>
    <cellStyle name="標準 4 2 4 2 3_原油高騰等の影響業種" xfId="11560"/>
    <cellStyle name="標準 4 2 4 2 4" xfId="1779"/>
    <cellStyle name="標準 4 2 4 2 4 2" xfId="4731"/>
    <cellStyle name="標準 4 2 4 2 4 3" xfId="7683"/>
    <cellStyle name="標準 4 2 4 2 4_原油高騰等の影響業種" xfId="11561"/>
    <cellStyle name="標準 4 2 4 2 5" xfId="2517"/>
    <cellStyle name="標準 4 2 4 2 5 2" xfId="5469"/>
    <cellStyle name="標準 4 2 4 2 5 3" xfId="8421"/>
    <cellStyle name="標準 4 2 4 2 5_原油高騰等の影響業種" xfId="11562"/>
    <cellStyle name="標準 4 2 4 2 6" xfId="3255"/>
    <cellStyle name="標準 4 2 4 2 7" xfId="6207"/>
    <cellStyle name="標準 4 2 4 2_原油高騰等の影響業種" xfId="11555"/>
    <cellStyle name="標準 4 2 4 3" xfId="492"/>
    <cellStyle name="標準 4 2 4 3 2" xfId="1230"/>
    <cellStyle name="標準 4 2 4 3 2 2" xfId="4182"/>
    <cellStyle name="標準 4 2 4 3 2 3" xfId="7134"/>
    <cellStyle name="標準 4 2 4 3 2_原油高騰等の影響業種" xfId="11564"/>
    <cellStyle name="標準 4 2 4 3 3" xfId="1968"/>
    <cellStyle name="標準 4 2 4 3 3 2" xfId="4920"/>
    <cellStyle name="標準 4 2 4 3 3 3" xfId="7872"/>
    <cellStyle name="標準 4 2 4 3 3_原油高騰等の影響業種" xfId="11565"/>
    <cellStyle name="標準 4 2 4 3 4" xfId="2706"/>
    <cellStyle name="標準 4 2 4 3 4 2" xfId="5658"/>
    <cellStyle name="標準 4 2 4 3 4 3" xfId="8610"/>
    <cellStyle name="標準 4 2 4 3 4_原油高騰等の影響業種" xfId="11566"/>
    <cellStyle name="標準 4 2 4 3 5" xfId="3444"/>
    <cellStyle name="標準 4 2 4 3 6" xfId="6396"/>
    <cellStyle name="標準 4 2 4 3_原油高騰等の影響業種" xfId="11563"/>
    <cellStyle name="標準 4 2 4 4" xfId="861"/>
    <cellStyle name="標準 4 2 4 4 2" xfId="3813"/>
    <cellStyle name="標準 4 2 4 4 3" xfId="6765"/>
    <cellStyle name="標準 4 2 4 4_原油高騰等の影響業種" xfId="11567"/>
    <cellStyle name="標準 4 2 4 5" xfId="1599"/>
    <cellStyle name="標準 4 2 4 5 2" xfId="4551"/>
    <cellStyle name="標準 4 2 4 5 3" xfId="7503"/>
    <cellStyle name="標準 4 2 4 5_原油高騰等の影響業種" xfId="11568"/>
    <cellStyle name="標準 4 2 4 6" xfId="2337"/>
    <cellStyle name="標準 4 2 4 6 2" xfId="5289"/>
    <cellStyle name="標準 4 2 4 6 3" xfId="8241"/>
    <cellStyle name="標準 4 2 4 6_原油高騰等の影響業種" xfId="11569"/>
    <cellStyle name="標準 4 2 4 7" xfId="3075"/>
    <cellStyle name="標準 4 2 4 8" xfId="6027"/>
    <cellStyle name="標準 4 2 4_原油高騰等の影響業種" xfId="11554"/>
    <cellStyle name="標準 4 2 5" xfId="164"/>
    <cellStyle name="標準 4 2 5 2" xfId="344"/>
    <cellStyle name="標準 4 2 5 2 2" xfId="717"/>
    <cellStyle name="標準 4 2 5 2 2 2" xfId="1455"/>
    <cellStyle name="標準 4 2 5 2 2 2 2" xfId="4407"/>
    <cellStyle name="標準 4 2 5 2 2 2 3" xfId="7359"/>
    <cellStyle name="標準 4 2 5 2 2 2_原油高騰等の影響業種" xfId="11573"/>
    <cellStyle name="標準 4 2 5 2 2 3" xfId="2193"/>
    <cellStyle name="標準 4 2 5 2 2 3 2" xfId="5145"/>
    <cellStyle name="標準 4 2 5 2 2 3 3" xfId="8097"/>
    <cellStyle name="標準 4 2 5 2 2 3_原油高騰等の影響業種" xfId="11574"/>
    <cellStyle name="標準 4 2 5 2 2 4" xfId="2931"/>
    <cellStyle name="標準 4 2 5 2 2 4 2" xfId="5883"/>
    <cellStyle name="標準 4 2 5 2 2 4 3" xfId="8835"/>
    <cellStyle name="標準 4 2 5 2 2 4_原油高騰等の影響業種" xfId="11575"/>
    <cellStyle name="標準 4 2 5 2 2 5" xfId="3669"/>
    <cellStyle name="標準 4 2 5 2 2 6" xfId="6621"/>
    <cellStyle name="標準 4 2 5 2 2_原油高騰等の影響業種" xfId="11572"/>
    <cellStyle name="標準 4 2 5 2 3" xfId="1086"/>
    <cellStyle name="標準 4 2 5 2 3 2" xfId="4038"/>
    <cellStyle name="標準 4 2 5 2 3 3" xfId="6990"/>
    <cellStyle name="標準 4 2 5 2 3_原油高騰等の影響業種" xfId="11576"/>
    <cellStyle name="標準 4 2 5 2 4" xfId="1824"/>
    <cellStyle name="標準 4 2 5 2 4 2" xfId="4776"/>
    <cellStyle name="標準 4 2 5 2 4 3" xfId="7728"/>
    <cellStyle name="標準 4 2 5 2 4_原油高騰等の影響業種" xfId="11577"/>
    <cellStyle name="標準 4 2 5 2 5" xfId="2562"/>
    <cellStyle name="標準 4 2 5 2 5 2" xfId="5514"/>
    <cellStyle name="標準 4 2 5 2 5 3" xfId="8466"/>
    <cellStyle name="標準 4 2 5 2 5_原油高騰等の影響業種" xfId="11578"/>
    <cellStyle name="標準 4 2 5 2 6" xfId="3300"/>
    <cellStyle name="標準 4 2 5 2 7" xfId="6252"/>
    <cellStyle name="標準 4 2 5 2_原油高騰等の影響業種" xfId="11571"/>
    <cellStyle name="標準 4 2 5 3" xfId="537"/>
    <cellStyle name="標準 4 2 5 3 2" xfId="1275"/>
    <cellStyle name="標準 4 2 5 3 2 2" xfId="4227"/>
    <cellStyle name="標準 4 2 5 3 2 3" xfId="7179"/>
    <cellStyle name="標準 4 2 5 3 2_原油高騰等の影響業種" xfId="11580"/>
    <cellStyle name="標準 4 2 5 3 3" xfId="2013"/>
    <cellStyle name="標準 4 2 5 3 3 2" xfId="4965"/>
    <cellStyle name="標準 4 2 5 3 3 3" xfId="7917"/>
    <cellStyle name="標準 4 2 5 3 3_原油高騰等の影響業種" xfId="11581"/>
    <cellStyle name="標準 4 2 5 3 4" xfId="2751"/>
    <cellStyle name="標準 4 2 5 3 4 2" xfId="5703"/>
    <cellStyle name="標準 4 2 5 3 4 3" xfId="8655"/>
    <cellStyle name="標準 4 2 5 3 4_原油高騰等の影響業種" xfId="11582"/>
    <cellStyle name="標準 4 2 5 3 5" xfId="3489"/>
    <cellStyle name="標準 4 2 5 3 6" xfId="6441"/>
    <cellStyle name="標準 4 2 5 3_原油高騰等の影響業種" xfId="11579"/>
    <cellStyle name="標準 4 2 5 4" xfId="906"/>
    <cellStyle name="標準 4 2 5 4 2" xfId="3858"/>
    <cellStyle name="標準 4 2 5 4 3" xfId="6810"/>
    <cellStyle name="標準 4 2 5 4_原油高騰等の影響業種" xfId="11583"/>
    <cellStyle name="標準 4 2 5 5" xfId="1644"/>
    <cellStyle name="標準 4 2 5 5 2" xfId="4596"/>
    <cellStyle name="標準 4 2 5 5 3" xfId="7548"/>
    <cellStyle name="標準 4 2 5 5_原油高騰等の影響業種" xfId="11584"/>
    <cellStyle name="標準 4 2 5 6" xfId="2382"/>
    <cellStyle name="標準 4 2 5 6 2" xfId="5334"/>
    <cellStyle name="標準 4 2 5 6 3" xfId="8286"/>
    <cellStyle name="標準 4 2 5 6_原油高騰等の影響業種" xfId="11585"/>
    <cellStyle name="標準 4 2 5 7" xfId="3120"/>
    <cellStyle name="標準 4 2 5 8" xfId="6072"/>
    <cellStyle name="標準 4 2 5_原油高騰等の影響業種" xfId="11570"/>
    <cellStyle name="標準 4 2 6" xfId="209"/>
    <cellStyle name="標準 4 2 6 2" xfId="582"/>
    <cellStyle name="標準 4 2 6 2 2" xfId="1320"/>
    <cellStyle name="標準 4 2 6 2 2 2" xfId="4272"/>
    <cellStyle name="標準 4 2 6 2 2 3" xfId="7224"/>
    <cellStyle name="標準 4 2 6 2 2_原油高騰等の影響業種" xfId="11588"/>
    <cellStyle name="標準 4 2 6 2 3" xfId="2058"/>
    <cellStyle name="標準 4 2 6 2 3 2" xfId="5010"/>
    <cellStyle name="標準 4 2 6 2 3 3" xfId="7962"/>
    <cellStyle name="標準 4 2 6 2 3_原油高騰等の影響業種" xfId="11589"/>
    <cellStyle name="標準 4 2 6 2 4" xfId="2796"/>
    <cellStyle name="標準 4 2 6 2 4 2" xfId="5748"/>
    <cellStyle name="標準 4 2 6 2 4 3" xfId="8700"/>
    <cellStyle name="標準 4 2 6 2 4_原油高騰等の影響業種" xfId="11590"/>
    <cellStyle name="標準 4 2 6 2 5" xfId="3534"/>
    <cellStyle name="標準 4 2 6 2 6" xfId="6486"/>
    <cellStyle name="標準 4 2 6 2_原油高騰等の影響業種" xfId="11587"/>
    <cellStyle name="標準 4 2 6 3" xfId="951"/>
    <cellStyle name="標準 4 2 6 3 2" xfId="3903"/>
    <cellStyle name="標準 4 2 6 3 3" xfId="6855"/>
    <cellStyle name="標準 4 2 6 3_原油高騰等の影響業種" xfId="11591"/>
    <cellStyle name="標準 4 2 6 4" xfId="1689"/>
    <cellStyle name="標準 4 2 6 4 2" xfId="4641"/>
    <cellStyle name="標準 4 2 6 4 3" xfId="7593"/>
    <cellStyle name="標準 4 2 6 4_原油高騰等の影響業種" xfId="11592"/>
    <cellStyle name="標準 4 2 6 5" xfId="2427"/>
    <cellStyle name="標準 4 2 6 5 2" xfId="5379"/>
    <cellStyle name="標準 4 2 6 5 3" xfId="8331"/>
    <cellStyle name="標準 4 2 6 5_原油高騰等の影響業種" xfId="11593"/>
    <cellStyle name="標準 4 2 6 6" xfId="3165"/>
    <cellStyle name="標準 4 2 6 7" xfId="6117"/>
    <cellStyle name="標準 4 2 6_原油高騰等の影響業種" xfId="11586"/>
    <cellStyle name="標準 4 2 7" xfId="402"/>
    <cellStyle name="標準 4 2 7 2" xfId="1140"/>
    <cellStyle name="標準 4 2 7 2 2" xfId="4092"/>
    <cellStyle name="標準 4 2 7 2 3" xfId="7044"/>
    <cellStyle name="標準 4 2 7 2_原油高騰等の影響業種" xfId="11595"/>
    <cellStyle name="標準 4 2 7 3" xfId="1878"/>
    <cellStyle name="標準 4 2 7 3 2" xfId="4830"/>
    <cellStyle name="標準 4 2 7 3 3" xfId="7782"/>
    <cellStyle name="標準 4 2 7 3_原油高騰等の影響業種" xfId="11596"/>
    <cellStyle name="標準 4 2 7 4" xfId="2616"/>
    <cellStyle name="標準 4 2 7 4 2" xfId="5568"/>
    <cellStyle name="標準 4 2 7 4 3" xfId="8520"/>
    <cellStyle name="標準 4 2 7 4_原油高騰等の影響業種" xfId="11597"/>
    <cellStyle name="標準 4 2 7 5" xfId="3354"/>
    <cellStyle name="標準 4 2 7 6" xfId="6306"/>
    <cellStyle name="標準 4 2 7_原油高騰等の影響業種" xfId="11594"/>
    <cellStyle name="標準 4 2 8" xfId="771"/>
    <cellStyle name="標準 4 2 8 2" xfId="3723"/>
    <cellStyle name="標準 4 2 8 3" xfId="6675"/>
    <cellStyle name="標準 4 2 8_原油高騰等の影響業種" xfId="11598"/>
    <cellStyle name="標準 4 2 9" xfId="1509"/>
    <cellStyle name="標準 4 2 9 2" xfId="4461"/>
    <cellStyle name="標準 4 2 9 3" xfId="7413"/>
    <cellStyle name="標準 4 2 9_原油高騰等の影響業種" xfId="11599"/>
    <cellStyle name="標準 4 2_原油高騰等の影響業種" xfId="11472"/>
    <cellStyle name="標準 4 3" xfId="38"/>
    <cellStyle name="標準 4 3 10" xfId="2994"/>
    <cellStyle name="標準 4 3 11" xfId="5946"/>
    <cellStyle name="標準 4 3 2" xfId="83"/>
    <cellStyle name="標準 4 3 2 2" xfId="263"/>
    <cellStyle name="標準 4 3 2 2 2" xfId="636"/>
    <cellStyle name="標準 4 3 2 2 2 2" xfId="1374"/>
    <cellStyle name="標準 4 3 2 2 2 2 2" xfId="4326"/>
    <cellStyle name="標準 4 3 2 2 2 2 3" xfId="7278"/>
    <cellStyle name="標準 4 3 2 2 2 2_原油高騰等の影響業種" xfId="11604"/>
    <cellStyle name="標準 4 3 2 2 2 3" xfId="2112"/>
    <cellStyle name="標準 4 3 2 2 2 3 2" xfId="5064"/>
    <cellStyle name="標準 4 3 2 2 2 3 3" xfId="8016"/>
    <cellStyle name="標準 4 3 2 2 2 3_原油高騰等の影響業種" xfId="11605"/>
    <cellStyle name="標準 4 3 2 2 2 4" xfId="2850"/>
    <cellStyle name="標準 4 3 2 2 2 4 2" xfId="5802"/>
    <cellStyle name="標準 4 3 2 2 2 4 3" xfId="8754"/>
    <cellStyle name="標準 4 3 2 2 2 4_原油高騰等の影響業種" xfId="11606"/>
    <cellStyle name="標準 4 3 2 2 2 5" xfId="3588"/>
    <cellStyle name="標準 4 3 2 2 2 6" xfId="6540"/>
    <cellStyle name="標準 4 3 2 2 2_原油高騰等の影響業種" xfId="11603"/>
    <cellStyle name="標準 4 3 2 2 3" xfId="1005"/>
    <cellStyle name="標準 4 3 2 2 3 2" xfId="3957"/>
    <cellStyle name="標準 4 3 2 2 3 3" xfId="6909"/>
    <cellStyle name="標準 4 3 2 2 3_原油高騰等の影響業種" xfId="11607"/>
    <cellStyle name="標準 4 3 2 2 4" xfId="1743"/>
    <cellStyle name="標準 4 3 2 2 4 2" xfId="4695"/>
    <cellStyle name="標準 4 3 2 2 4 3" xfId="7647"/>
    <cellStyle name="標準 4 3 2 2 4_原油高騰等の影響業種" xfId="11608"/>
    <cellStyle name="標準 4 3 2 2 5" xfId="2481"/>
    <cellStyle name="標準 4 3 2 2 5 2" xfId="5433"/>
    <cellStyle name="標準 4 3 2 2 5 3" xfId="8385"/>
    <cellStyle name="標準 4 3 2 2 5_原油高騰等の影響業種" xfId="11609"/>
    <cellStyle name="標準 4 3 2 2 6" xfId="3219"/>
    <cellStyle name="標準 4 3 2 2 7" xfId="6171"/>
    <cellStyle name="標準 4 3 2 2_原油高騰等の影響業種" xfId="11602"/>
    <cellStyle name="標準 4 3 2 3" xfId="456"/>
    <cellStyle name="標準 4 3 2 3 2" xfId="1194"/>
    <cellStyle name="標準 4 3 2 3 2 2" xfId="4146"/>
    <cellStyle name="標準 4 3 2 3 2 3" xfId="7098"/>
    <cellStyle name="標準 4 3 2 3 2_原油高騰等の影響業種" xfId="11611"/>
    <cellStyle name="標準 4 3 2 3 3" xfId="1932"/>
    <cellStyle name="標準 4 3 2 3 3 2" xfId="4884"/>
    <cellStyle name="標準 4 3 2 3 3 3" xfId="7836"/>
    <cellStyle name="標準 4 3 2 3 3_原油高騰等の影響業種" xfId="11612"/>
    <cellStyle name="標準 4 3 2 3 4" xfId="2670"/>
    <cellStyle name="標準 4 3 2 3 4 2" xfId="5622"/>
    <cellStyle name="標準 4 3 2 3 4 3" xfId="8574"/>
    <cellStyle name="標準 4 3 2 3 4_原油高騰等の影響業種" xfId="11613"/>
    <cellStyle name="標準 4 3 2 3 5" xfId="3408"/>
    <cellStyle name="標準 4 3 2 3 6" xfId="6360"/>
    <cellStyle name="標準 4 3 2 3_原油高騰等の影響業種" xfId="11610"/>
    <cellStyle name="標準 4 3 2 4" xfId="825"/>
    <cellStyle name="標準 4 3 2 4 2" xfId="3777"/>
    <cellStyle name="標準 4 3 2 4 3" xfId="6729"/>
    <cellStyle name="標準 4 3 2 4_原油高騰等の影響業種" xfId="11614"/>
    <cellStyle name="標準 4 3 2 5" xfId="1563"/>
    <cellStyle name="標準 4 3 2 5 2" xfId="4515"/>
    <cellStyle name="標準 4 3 2 5 3" xfId="7467"/>
    <cellStyle name="標準 4 3 2 5_原油高騰等の影響業種" xfId="11615"/>
    <cellStyle name="標準 4 3 2 6" xfId="2301"/>
    <cellStyle name="標準 4 3 2 6 2" xfId="5253"/>
    <cellStyle name="標準 4 3 2 6 3" xfId="8205"/>
    <cellStyle name="標準 4 3 2 6_原油高騰等の影響業種" xfId="11616"/>
    <cellStyle name="標準 4 3 2 7" xfId="3039"/>
    <cellStyle name="標準 4 3 2 8" xfId="5991"/>
    <cellStyle name="標準 4 3 2_原油高騰等の影響業種" xfId="11601"/>
    <cellStyle name="標準 4 3 3" xfId="128"/>
    <cellStyle name="標準 4 3 3 2" xfId="308"/>
    <cellStyle name="標準 4 3 3 2 2" xfId="681"/>
    <cellStyle name="標準 4 3 3 2 2 2" xfId="1419"/>
    <cellStyle name="標準 4 3 3 2 2 2 2" xfId="4371"/>
    <cellStyle name="標準 4 3 3 2 2 2 3" xfId="7323"/>
    <cellStyle name="標準 4 3 3 2 2 2_原油高騰等の影響業種" xfId="11620"/>
    <cellStyle name="標準 4 3 3 2 2 3" xfId="2157"/>
    <cellStyle name="標準 4 3 3 2 2 3 2" xfId="5109"/>
    <cellStyle name="標準 4 3 3 2 2 3 3" xfId="8061"/>
    <cellStyle name="標準 4 3 3 2 2 3_原油高騰等の影響業種" xfId="11621"/>
    <cellStyle name="標準 4 3 3 2 2 4" xfId="2895"/>
    <cellStyle name="標準 4 3 3 2 2 4 2" xfId="5847"/>
    <cellStyle name="標準 4 3 3 2 2 4 3" xfId="8799"/>
    <cellStyle name="標準 4 3 3 2 2 4_原油高騰等の影響業種" xfId="11622"/>
    <cellStyle name="標準 4 3 3 2 2 5" xfId="3633"/>
    <cellStyle name="標準 4 3 3 2 2 6" xfId="6585"/>
    <cellStyle name="標準 4 3 3 2 2_原油高騰等の影響業種" xfId="11619"/>
    <cellStyle name="標準 4 3 3 2 3" xfId="1050"/>
    <cellStyle name="標準 4 3 3 2 3 2" xfId="4002"/>
    <cellStyle name="標準 4 3 3 2 3 3" xfId="6954"/>
    <cellStyle name="標準 4 3 3 2 3_原油高騰等の影響業種" xfId="11623"/>
    <cellStyle name="標準 4 3 3 2 4" xfId="1788"/>
    <cellStyle name="標準 4 3 3 2 4 2" xfId="4740"/>
    <cellStyle name="標準 4 3 3 2 4 3" xfId="7692"/>
    <cellStyle name="標準 4 3 3 2 4_原油高騰等の影響業種" xfId="11624"/>
    <cellStyle name="標準 4 3 3 2 5" xfId="2526"/>
    <cellStyle name="標準 4 3 3 2 5 2" xfId="5478"/>
    <cellStyle name="標準 4 3 3 2 5 3" xfId="8430"/>
    <cellStyle name="標準 4 3 3 2 5_原油高騰等の影響業種" xfId="11625"/>
    <cellStyle name="標準 4 3 3 2 6" xfId="3264"/>
    <cellStyle name="標準 4 3 3 2 7" xfId="6216"/>
    <cellStyle name="標準 4 3 3 2_原油高騰等の影響業種" xfId="11618"/>
    <cellStyle name="標準 4 3 3 3" xfId="501"/>
    <cellStyle name="標準 4 3 3 3 2" xfId="1239"/>
    <cellStyle name="標準 4 3 3 3 2 2" xfId="4191"/>
    <cellStyle name="標準 4 3 3 3 2 3" xfId="7143"/>
    <cellStyle name="標準 4 3 3 3 2_原油高騰等の影響業種" xfId="11627"/>
    <cellStyle name="標準 4 3 3 3 3" xfId="1977"/>
    <cellStyle name="標準 4 3 3 3 3 2" xfId="4929"/>
    <cellStyle name="標準 4 3 3 3 3 3" xfId="7881"/>
    <cellStyle name="標準 4 3 3 3 3_原油高騰等の影響業種" xfId="11628"/>
    <cellStyle name="標準 4 3 3 3 4" xfId="2715"/>
    <cellStyle name="標準 4 3 3 3 4 2" xfId="5667"/>
    <cellStyle name="標準 4 3 3 3 4 3" xfId="8619"/>
    <cellStyle name="標準 4 3 3 3 4_原油高騰等の影響業種" xfId="11629"/>
    <cellStyle name="標準 4 3 3 3 5" xfId="3453"/>
    <cellStyle name="標準 4 3 3 3 6" xfId="6405"/>
    <cellStyle name="標準 4 3 3 3_原油高騰等の影響業種" xfId="11626"/>
    <cellStyle name="標準 4 3 3 4" xfId="870"/>
    <cellStyle name="標準 4 3 3 4 2" xfId="3822"/>
    <cellStyle name="標準 4 3 3 4 3" xfId="6774"/>
    <cellStyle name="標準 4 3 3 4_原油高騰等の影響業種" xfId="11630"/>
    <cellStyle name="標準 4 3 3 5" xfId="1608"/>
    <cellStyle name="標準 4 3 3 5 2" xfId="4560"/>
    <cellStyle name="標準 4 3 3 5 3" xfId="7512"/>
    <cellStyle name="標準 4 3 3 5_原油高騰等の影響業種" xfId="11631"/>
    <cellStyle name="標準 4 3 3 6" xfId="2346"/>
    <cellStyle name="標準 4 3 3 6 2" xfId="5298"/>
    <cellStyle name="標準 4 3 3 6 3" xfId="8250"/>
    <cellStyle name="標準 4 3 3 6_原油高騰等の影響業種" xfId="11632"/>
    <cellStyle name="標準 4 3 3 7" xfId="3084"/>
    <cellStyle name="標準 4 3 3 8" xfId="6036"/>
    <cellStyle name="標準 4 3 3_原油高騰等の影響業種" xfId="11617"/>
    <cellStyle name="標準 4 3 4" xfId="173"/>
    <cellStyle name="標準 4 3 4 2" xfId="353"/>
    <cellStyle name="標準 4 3 4 2 2" xfId="726"/>
    <cellStyle name="標準 4 3 4 2 2 2" xfId="1464"/>
    <cellStyle name="標準 4 3 4 2 2 2 2" xfId="4416"/>
    <cellStyle name="標準 4 3 4 2 2 2 3" xfId="7368"/>
    <cellStyle name="標準 4 3 4 2 2 2_原油高騰等の影響業種" xfId="11636"/>
    <cellStyle name="標準 4 3 4 2 2 3" xfId="2202"/>
    <cellStyle name="標準 4 3 4 2 2 3 2" xfId="5154"/>
    <cellStyle name="標準 4 3 4 2 2 3 3" xfId="8106"/>
    <cellStyle name="標準 4 3 4 2 2 3_原油高騰等の影響業種" xfId="11637"/>
    <cellStyle name="標準 4 3 4 2 2 4" xfId="2940"/>
    <cellStyle name="標準 4 3 4 2 2 4 2" xfId="5892"/>
    <cellStyle name="標準 4 3 4 2 2 4 3" xfId="8844"/>
    <cellStyle name="標準 4 3 4 2 2 4_原油高騰等の影響業種" xfId="11638"/>
    <cellStyle name="標準 4 3 4 2 2 5" xfId="3678"/>
    <cellStyle name="標準 4 3 4 2 2 6" xfId="6630"/>
    <cellStyle name="標準 4 3 4 2 2_原油高騰等の影響業種" xfId="11635"/>
    <cellStyle name="標準 4 3 4 2 3" xfId="1095"/>
    <cellStyle name="標準 4 3 4 2 3 2" xfId="4047"/>
    <cellStyle name="標準 4 3 4 2 3 3" xfId="6999"/>
    <cellStyle name="標準 4 3 4 2 3_原油高騰等の影響業種" xfId="11639"/>
    <cellStyle name="標準 4 3 4 2 4" xfId="1833"/>
    <cellStyle name="標準 4 3 4 2 4 2" xfId="4785"/>
    <cellStyle name="標準 4 3 4 2 4 3" xfId="7737"/>
    <cellStyle name="標準 4 3 4 2 4_原油高騰等の影響業種" xfId="11640"/>
    <cellStyle name="標準 4 3 4 2 5" xfId="2571"/>
    <cellStyle name="標準 4 3 4 2 5 2" xfId="5523"/>
    <cellStyle name="標準 4 3 4 2 5 3" xfId="8475"/>
    <cellStyle name="標準 4 3 4 2 5_原油高騰等の影響業種" xfId="11641"/>
    <cellStyle name="標準 4 3 4 2 6" xfId="3309"/>
    <cellStyle name="標準 4 3 4 2 7" xfId="6261"/>
    <cellStyle name="標準 4 3 4 2_原油高騰等の影響業種" xfId="11634"/>
    <cellStyle name="標準 4 3 4 3" xfId="546"/>
    <cellStyle name="標準 4 3 4 3 2" xfId="1284"/>
    <cellStyle name="標準 4 3 4 3 2 2" xfId="4236"/>
    <cellStyle name="標準 4 3 4 3 2 3" xfId="7188"/>
    <cellStyle name="標準 4 3 4 3 2_原油高騰等の影響業種" xfId="11643"/>
    <cellStyle name="標準 4 3 4 3 3" xfId="2022"/>
    <cellStyle name="標準 4 3 4 3 3 2" xfId="4974"/>
    <cellStyle name="標準 4 3 4 3 3 3" xfId="7926"/>
    <cellStyle name="標準 4 3 4 3 3_原油高騰等の影響業種" xfId="11644"/>
    <cellStyle name="標準 4 3 4 3 4" xfId="2760"/>
    <cellStyle name="標準 4 3 4 3 4 2" xfId="5712"/>
    <cellStyle name="標準 4 3 4 3 4 3" xfId="8664"/>
    <cellStyle name="標準 4 3 4 3 4_原油高騰等の影響業種" xfId="11645"/>
    <cellStyle name="標準 4 3 4 3 5" xfId="3498"/>
    <cellStyle name="標準 4 3 4 3 6" xfId="6450"/>
    <cellStyle name="標準 4 3 4 3_原油高騰等の影響業種" xfId="11642"/>
    <cellStyle name="標準 4 3 4 4" xfId="915"/>
    <cellStyle name="標準 4 3 4 4 2" xfId="3867"/>
    <cellStyle name="標準 4 3 4 4 3" xfId="6819"/>
    <cellStyle name="標準 4 3 4 4_原油高騰等の影響業種" xfId="11646"/>
    <cellStyle name="標準 4 3 4 5" xfId="1653"/>
    <cellStyle name="標準 4 3 4 5 2" xfId="4605"/>
    <cellStyle name="標準 4 3 4 5 3" xfId="7557"/>
    <cellStyle name="標準 4 3 4 5_原油高騰等の影響業種" xfId="11647"/>
    <cellStyle name="標準 4 3 4 6" xfId="2391"/>
    <cellStyle name="標準 4 3 4 6 2" xfId="5343"/>
    <cellStyle name="標準 4 3 4 6 3" xfId="8295"/>
    <cellStyle name="標準 4 3 4 6_原油高騰等の影響業種" xfId="11648"/>
    <cellStyle name="標準 4 3 4 7" xfId="3129"/>
    <cellStyle name="標準 4 3 4 8" xfId="6081"/>
    <cellStyle name="標準 4 3 4_原油高騰等の影響業種" xfId="11633"/>
    <cellStyle name="標準 4 3 5" xfId="218"/>
    <cellStyle name="標準 4 3 5 2" xfId="591"/>
    <cellStyle name="標準 4 3 5 2 2" xfId="1329"/>
    <cellStyle name="標準 4 3 5 2 2 2" xfId="4281"/>
    <cellStyle name="標準 4 3 5 2 2 3" xfId="7233"/>
    <cellStyle name="標準 4 3 5 2 2_原油高騰等の影響業種" xfId="11651"/>
    <cellStyle name="標準 4 3 5 2 3" xfId="2067"/>
    <cellStyle name="標準 4 3 5 2 3 2" xfId="5019"/>
    <cellStyle name="標準 4 3 5 2 3 3" xfId="7971"/>
    <cellStyle name="標準 4 3 5 2 3_原油高騰等の影響業種" xfId="11652"/>
    <cellStyle name="標準 4 3 5 2 4" xfId="2805"/>
    <cellStyle name="標準 4 3 5 2 4 2" xfId="5757"/>
    <cellStyle name="標準 4 3 5 2 4 3" xfId="8709"/>
    <cellStyle name="標準 4 3 5 2 4_原油高騰等の影響業種" xfId="11653"/>
    <cellStyle name="標準 4 3 5 2 5" xfId="3543"/>
    <cellStyle name="標準 4 3 5 2 6" xfId="6495"/>
    <cellStyle name="標準 4 3 5 2_原油高騰等の影響業種" xfId="11650"/>
    <cellStyle name="標準 4 3 5 3" xfId="960"/>
    <cellStyle name="標準 4 3 5 3 2" xfId="3912"/>
    <cellStyle name="標準 4 3 5 3 3" xfId="6864"/>
    <cellStyle name="標準 4 3 5 3_原油高騰等の影響業種" xfId="11654"/>
    <cellStyle name="標準 4 3 5 4" xfId="1698"/>
    <cellStyle name="標準 4 3 5 4 2" xfId="4650"/>
    <cellStyle name="標準 4 3 5 4 3" xfId="7602"/>
    <cellStyle name="標準 4 3 5 4_原油高騰等の影響業種" xfId="11655"/>
    <cellStyle name="標準 4 3 5 5" xfId="2436"/>
    <cellStyle name="標準 4 3 5 5 2" xfId="5388"/>
    <cellStyle name="標準 4 3 5 5 3" xfId="8340"/>
    <cellStyle name="標準 4 3 5 5_原油高騰等の影響業種" xfId="11656"/>
    <cellStyle name="標準 4 3 5 6" xfId="3174"/>
    <cellStyle name="標準 4 3 5 7" xfId="6126"/>
    <cellStyle name="標準 4 3 5_原油高騰等の影響業種" xfId="11649"/>
    <cellStyle name="標準 4 3 6" xfId="411"/>
    <cellStyle name="標準 4 3 6 2" xfId="1149"/>
    <cellStyle name="標準 4 3 6 2 2" xfId="4101"/>
    <cellStyle name="標準 4 3 6 2 3" xfId="7053"/>
    <cellStyle name="標準 4 3 6 2_原油高騰等の影響業種" xfId="11658"/>
    <cellStyle name="標準 4 3 6 3" xfId="1887"/>
    <cellStyle name="標準 4 3 6 3 2" xfId="4839"/>
    <cellStyle name="標準 4 3 6 3 3" xfId="7791"/>
    <cellStyle name="標準 4 3 6 3_原油高騰等の影響業種" xfId="11659"/>
    <cellStyle name="標準 4 3 6 4" xfId="2625"/>
    <cellStyle name="標準 4 3 6 4 2" xfId="5577"/>
    <cellStyle name="標準 4 3 6 4 3" xfId="8529"/>
    <cellStyle name="標準 4 3 6 4_原油高騰等の影響業種" xfId="11660"/>
    <cellStyle name="標準 4 3 6 5" xfId="3363"/>
    <cellStyle name="標準 4 3 6 6" xfId="6315"/>
    <cellStyle name="標準 4 3 6_原油高騰等の影響業種" xfId="11657"/>
    <cellStyle name="標準 4 3 7" xfId="780"/>
    <cellStyle name="標準 4 3 7 2" xfId="3732"/>
    <cellStyle name="標準 4 3 7 3" xfId="6684"/>
    <cellStyle name="標準 4 3 7_原油高騰等の影響業種" xfId="11661"/>
    <cellStyle name="標準 4 3 8" xfId="1518"/>
    <cellStyle name="標準 4 3 8 2" xfId="4470"/>
    <cellStyle name="標準 4 3 8 3" xfId="7422"/>
    <cellStyle name="標準 4 3 8_原油高騰等の影響業種" xfId="11662"/>
    <cellStyle name="標準 4 3 9" xfId="2256"/>
    <cellStyle name="標準 4 3 9 2" xfId="5208"/>
    <cellStyle name="標準 4 3 9 3" xfId="8160"/>
    <cellStyle name="標準 4 3 9_原油高騰等の影響業種" xfId="11663"/>
    <cellStyle name="標準 4 3_原油高騰等の影響業種" xfId="11600"/>
    <cellStyle name="標準 4 4" xfId="56"/>
    <cellStyle name="標準 4 4 10" xfId="3012"/>
    <cellStyle name="標準 4 4 11" xfId="5964"/>
    <cellStyle name="標準 4 4 2" xfId="101"/>
    <cellStyle name="標準 4 4 2 2" xfId="281"/>
    <cellStyle name="標準 4 4 2 2 2" xfId="654"/>
    <cellStyle name="標準 4 4 2 2 2 2" xfId="1392"/>
    <cellStyle name="標準 4 4 2 2 2 2 2" xfId="4344"/>
    <cellStyle name="標準 4 4 2 2 2 2 3" xfId="7296"/>
    <cellStyle name="標準 4 4 2 2 2 2_原油高騰等の影響業種" xfId="11668"/>
    <cellStyle name="標準 4 4 2 2 2 3" xfId="2130"/>
    <cellStyle name="標準 4 4 2 2 2 3 2" xfId="5082"/>
    <cellStyle name="標準 4 4 2 2 2 3 3" xfId="8034"/>
    <cellStyle name="標準 4 4 2 2 2 3_原油高騰等の影響業種" xfId="11669"/>
    <cellStyle name="標準 4 4 2 2 2 4" xfId="2868"/>
    <cellStyle name="標準 4 4 2 2 2 4 2" xfId="5820"/>
    <cellStyle name="標準 4 4 2 2 2 4 3" xfId="8772"/>
    <cellStyle name="標準 4 4 2 2 2 4_原油高騰等の影響業種" xfId="11670"/>
    <cellStyle name="標準 4 4 2 2 2 5" xfId="3606"/>
    <cellStyle name="標準 4 4 2 2 2 6" xfId="6558"/>
    <cellStyle name="標準 4 4 2 2 2_原油高騰等の影響業種" xfId="11667"/>
    <cellStyle name="標準 4 4 2 2 3" xfId="1023"/>
    <cellStyle name="標準 4 4 2 2 3 2" xfId="3975"/>
    <cellStyle name="標準 4 4 2 2 3 3" xfId="6927"/>
    <cellStyle name="標準 4 4 2 2 3_原油高騰等の影響業種" xfId="11671"/>
    <cellStyle name="標準 4 4 2 2 4" xfId="1761"/>
    <cellStyle name="標準 4 4 2 2 4 2" xfId="4713"/>
    <cellStyle name="標準 4 4 2 2 4 3" xfId="7665"/>
    <cellStyle name="標準 4 4 2 2 4_原油高騰等の影響業種" xfId="11672"/>
    <cellStyle name="標準 4 4 2 2 5" xfId="2499"/>
    <cellStyle name="標準 4 4 2 2 5 2" xfId="5451"/>
    <cellStyle name="標準 4 4 2 2 5 3" xfId="8403"/>
    <cellStyle name="標準 4 4 2 2 5_原油高騰等の影響業種" xfId="11673"/>
    <cellStyle name="標準 4 4 2 2 6" xfId="3237"/>
    <cellStyle name="標準 4 4 2 2 7" xfId="6189"/>
    <cellStyle name="標準 4 4 2 2_原油高騰等の影響業種" xfId="11666"/>
    <cellStyle name="標準 4 4 2 3" xfId="474"/>
    <cellStyle name="標準 4 4 2 3 2" xfId="1212"/>
    <cellStyle name="標準 4 4 2 3 2 2" xfId="4164"/>
    <cellStyle name="標準 4 4 2 3 2 3" xfId="7116"/>
    <cellStyle name="標準 4 4 2 3 2_原油高騰等の影響業種" xfId="11675"/>
    <cellStyle name="標準 4 4 2 3 3" xfId="1950"/>
    <cellStyle name="標準 4 4 2 3 3 2" xfId="4902"/>
    <cellStyle name="標準 4 4 2 3 3 3" xfId="7854"/>
    <cellStyle name="標準 4 4 2 3 3_原油高騰等の影響業種" xfId="11676"/>
    <cellStyle name="標準 4 4 2 3 4" xfId="2688"/>
    <cellStyle name="標準 4 4 2 3 4 2" xfId="5640"/>
    <cellStyle name="標準 4 4 2 3 4 3" xfId="8592"/>
    <cellStyle name="標準 4 4 2 3 4_原油高騰等の影響業種" xfId="11677"/>
    <cellStyle name="標準 4 4 2 3 5" xfId="3426"/>
    <cellStyle name="標準 4 4 2 3 6" xfId="6378"/>
    <cellStyle name="標準 4 4 2 3_原油高騰等の影響業種" xfId="11674"/>
    <cellStyle name="標準 4 4 2 4" xfId="843"/>
    <cellStyle name="標準 4 4 2 4 2" xfId="3795"/>
    <cellStyle name="標準 4 4 2 4 3" xfId="6747"/>
    <cellStyle name="標準 4 4 2 4_原油高騰等の影響業種" xfId="11678"/>
    <cellStyle name="標準 4 4 2 5" xfId="1581"/>
    <cellStyle name="標準 4 4 2 5 2" xfId="4533"/>
    <cellStyle name="標準 4 4 2 5 3" xfId="7485"/>
    <cellStyle name="標準 4 4 2 5_原油高騰等の影響業種" xfId="11679"/>
    <cellStyle name="標準 4 4 2 6" xfId="2319"/>
    <cellStyle name="標準 4 4 2 6 2" xfId="5271"/>
    <cellStyle name="標準 4 4 2 6 3" xfId="8223"/>
    <cellStyle name="標準 4 4 2 6_原油高騰等の影響業種" xfId="11680"/>
    <cellStyle name="標準 4 4 2 7" xfId="3057"/>
    <cellStyle name="標準 4 4 2 8" xfId="6009"/>
    <cellStyle name="標準 4 4 2_原油高騰等の影響業種" xfId="11665"/>
    <cellStyle name="標準 4 4 3" xfId="146"/>
    <cellStyle name="標準 4 4 3 2" xfId="326"/>
    <cellStyle name="標準 4 4 3 2 2" xfId="699"/>
    <cellStyle name="標準 4 4 3 2 2 2" xfId="1437"/>
    <cellStyle name="標準 4 4 3 2 2 2 2" xfId="4389"/>
    <cellStyle name="標準 4 4 3 2 2 2 3" xfId="7341"/>
    <cellStyle name="標準 4 4 3 2 2 2_原油高騰等の影響業種" xfId="11684"/>
    <cellStyle name="標準 4 4 3 2 2 3" xfId="2175"/>
    <cellStyle name="標準 4 4 3 2 2 3 2" xfId="5127"/>
    <cellStyle name="標準 4 4 3 2 2 3 3" xfId="8079"/>
    <cellStyle name="標準 4 4 3 2 2 3_原油高騰等の影響業種" xfId="11685"/>
    <cellStyle name="標準 4 4 3 2 2 4" xfId="2913"/>
    <cellStyle name="標準 4 4 3 2 2 4 2" xfId="5865"/>
    <cellStyle name="標準 4 4 3 2 2 4 3" xfId="8817"/>
    <cellStyle name="標準 4 4 3 2 2 4_原油高騰等の影響業種" xfId="11686"/>
    <cellStyle name="標準 4 4 3 2 2 5" xfId="3651"/>
    <cellStyle name="標準 4 4 3 2 2 6" xfId="6603"/>
    <cellStyle name="標準 4 4 3 2 2_原油高騰等の影響業種" xfId="11683"/>
    <cellStyle name="標準 4 4 3 2 3" xfId="1068"/>
    <cellStyle name="標準 4 4 3 2 3 2" xfId="4020"/>
    <cellStyle name="標準 4 4 3 2 3 3" xfId="6972"/>
    <cellStyle name="標準 4 4 3 2 3_原油高騰等の影響業種" xfId="11687"/>
    <cellStyle name="標準 4 4 3 2 4" xfId="1806"/>
    <cellStyle name="標準 4 4 3 2 4 2" xfId="4758"/>
    <cellStyle name="標準 4 4 3 2 4 3" xfId="7710"/>
    <cellStyle name="標準 4 4 3 2 4_原油高騰等の影響業種" xfId="11688"/>
    <cellStyle name="標準 4 4 3 2 5" xfId="2544"/>
    <cellStyle name="標準 4 4 3 2 5 2" xfId="5496"/>
    <cellStyle name="標準 4 4 3 2 5 3" xfId="8448"/>
    <cellStyle name="標準 4 4 3 2 5_原油高騰等の影響業種" xfId="11689"/>
    <cellStyle name="標準 4 4 3 2 6" xfId="3282"/>
    <cellStyle name="標準 4 4 3 2 7" xfId="6234"/>
    <cellStyle name="標準 4 4 3 2_原油高騰等の影響業種" xfId="11682"/>
    <cellStyle name="標準 4 4 3 3" xfId="519"/>
    <cellStyle name="標準 4 4 3 3 2" xfId="1257"/>
    <cellStyle name="標準 4 4 3 3 2 2" xfId="4209"/>
    <cellStyle name="標準 4 4 3 3 2 3" xfId="7161"/>
    <cellStyle name="標準 4 4 3 3 2_原油高騰等の影響業種" xfId="11691"/>
    <cellStyle name="標準 4 4 3 3 3" xfId="1995"/>
    <cellStyle name="標準 4 4 3 3 3 2" xfId="4947"/>
    <cellStyle name="標準 4 4 3 3 3 3" xfId="7899"/>
    <cellStyle name="標準 4 4 3 3 3_原油高騰等の影響業種" xfId="11692"/>
    <cellStyle name="標準 4 4 3 3 4" xfId="2733"/>
    <cellStyle name="標準 4 4 3 3 4 2" xfId="5685"/>
    <cellStyle name="標準 4 4 3 3 4 3" xfId="8637"/>
    <cellStyle name="標準 4 4 3 3 4_原油高騰等の影響業種" xfId="11693"/>
    <cellStyle name="標準 4 4 3 3 5" xfId="3471"/>
    <cellStyle name="標準 4 4 3 3 6" xfId="6423"/>
    <cellStyle name="標準 4 4 3 3_原油高騰等の影響業種" xfId="11690"/>
    <cellStyle name="標準 4 4 3 4" xfId="888"/>
    <cellStyle name="標準 4 4 3 4 2" xfId="3840"/>
    <cellStyle name="標準 4 4 3 4 3" xfId="6792"/>
    <cellStyle name="標準 4 4 3 4_原油高騰等の影響業種" xfId="11694"/>
    <cellStyle name="標準 4 4 3 5" xfId="1626"/>
    <cellStyle name="標準 4 4 3 5 2" xfId="4578"/>
    <cellStyle name="標準 4 4 3 5 3" xfId="7530"/>
    <cellStyle name="標準 4 4 3 5_原油高騰等の影響業種" xfId="11695"/>
    <cellStyle name="標準 4 4 3 6" xfId="2364"/>
    <cellStyle name="標準 4 4 3 6 2" xfId="5316"/>
    <cellStyle name="標準 4 4 3 6 3" xfId="8268"/>
    <cellStyle name="標準 4 4 3 6_原油高騰等の影響業種" xfId="11696"/>
    <cellStyle name="標準 4 4 3 7" xfId="3102"/>
    <cellStyle name="標準 4 4 3 8" xfId="6054"/>
    <cellStyle name="標準 4 4 3_原油高騰等の影響業種" xfId="11681"/>
    <cellStyle name="標準 4 4 4" xfId="191"/>
    <cellStyle name="標準 4 4 4 2" xfId="371"/>
    <cellStyle name="標準 4 4 4 2 2" xfId="744"/>
    <cellStyle name="標準 4 4 4 2 2 2" xfId="1482"/>
    <cellStyle name="標準 4 4 4 2 2 2 2" xfId="4434"/>
    <cellStyle name="標準 4 4 4 2 2 2 3" xfId="7386"/>
    <cellStyle name="標準 4 4 4 2 2 2_原油高騰等の影響業種" xfId="11700"/>
    <cellStyle name="標準 4 4 4 2 2 3" xfId="2220"/>
    <cellStyle name="標準 4 4 4 2 2 3 2" xfId="5172"/>
    <cellStyle name="標準 4 4 4 2 2 3 3" xfId="8124"/>
    <cellStyle name="標準 4 4 4 2 2 3_原油高騰等の影響業種" xfId="11701"/>
    <cellStyle name="標準 4 4 4 2 2 4" xfId="2958"/>
    <cellStyle name="標準 4 4 4 2 2 4 2" xfId="5910"/>
    <cellStyle name="標準 4 4 4 2 2 4 3" xfId="8862"/>
    <cellStyle name="標準 4 4 4 2 2 4_原油高騰等の影響業種" xfId="11702"/>
    <cellStyle name="標準 4 4 4 2 2 5" xfId="3696"/>
    <cellStyle name="標準 4 4 4 2 2 6" xfId="6648"/>
    <cellStyle name="標準 4 4 4 2 2_原油高騰等の影響業種" xfId="11699"/>
    <cellStyle name="標準 4 4 4 2 3" xfId="1113"/>
    <cellStyle name="標準 4 4 4 2 3 2" xfId="4065"/>
    <cellStyle name="標準 4 4 4 2 3 3" xfId="7017"/>
    <cellStyle name="標準 4 4 4 2 3_原油高騰等の影響業種" xfId="11703"/>
    <cellStyle name="標準 4 4 4 2 4" xfId="1851"/>
    <cellStyle name="標準 4 4 4 2 4 2" xfId="4803"/>
    <cellStyle name="標準 4 4 4 2 4 3" xfId="7755"/>
    <cellStyle name="標準 4 4 4 2 4_原油高騰等の影響業種" xfId="11704"/>
    <cellStyle name="標準 4 4 4 2 5" xfId="2589"/>
    <cellStyle name="標準 4 4 4 2 5 2" xfId="5541"/>
    <cellStyle name="標準 4 4 4 2 5 3" xfId="8493"/>
    <cellStyle name="標準 4 4 4 2 5_原油高騰等の影響業種" xfId="11705"/>
    <cellStyle name="標準 4 4 4 2 6" xfId="3327"/>
    <cellStyle name="標準 4 4 4 2 7" xfId="6279"/>
    <cellStyle name="標準 4 4 4 2_原油高騰等の影響業種" xfId="11698"/>
    <cellStyle name="標準 4 4 4 3" xfId="564"/>
    <cellStyle name="標準 4 4 4 3 2" xfId="1302"/>
    <cellStyle name="標準 4 4 4 3 2 2" xfId="4254"/>
    <cellStyle name="標準 4 4 4 3 2 3" xfId="7206"/>
    <cellStyle name="標準 4 4 4 3 2_原油高騰等の影響業種" xfId="11707"/>
    <cellStyle name="標準 4 4 4 3 3" xfId="2040"/>
    <cellStyle name="標準 4 4 4 3 3 2" xfId="4992"/>
    <cellStyle name="標準 4 4 4 3 3 3" xfId="7944"/>
    <cellStyle name="標準 4 4 4 3 3_原油高騰等の影響業種" xfId="11708"/>
    <cellStyle name="標準 4 4 4 3 4" xfId="2778"/>
    <cellStyle name="標準 4 4 4 3 4 2" xfId="5730"/>
    <cellStyle name="標準 4 4 4 3 4 3" xfId="8682"/>
    <cellStyle name="標準 4 4 4 3 4_原油高騰等の影響業種" xfId="11709"/>
    <cellStyle name="標準 4 4 4 3 5" xfId="3516"/>
    <cellStyle name="標準 4 4 4 3 6" xfId="6468"/>
    <cellStyle name="標準 4 4 4 3_原油高騰等の影響業種" xfId="11706"/>
    <cellStyle name="標準 4 4 4 4" xfId="933"/>
    <cellStyle name="標準 4 4 4 4 2" xfId="3885"/>
    <cellStyle name="標準 4 4 4 4 3" xfId="6837"/>
    <cellStyle name="標準 4 4 4 4_原油高騰等の影響業種" xfId="11710"/>
    <cellStyle name="標準 4 4 4 5" xfId="1671"/>
    <cellStyle name="標準 4 4 4 5 2" xfId="4623"/>
    <cellStyle name="標準 4 4 4 5 3" xfId="7575"/>
    <cellStyle name="標準 4 4 4 5_原油高騰等の影響業種" xfId="11711"/>
    <cellStyle name="標準 4 4 4 6" xfId="2409"/>
    <cellStyle name="標準 4 4 4 6 2" xfId="5361"/>
    <cellStyle name="標準 4 4 4 6 3" xfId="8313"/>
    <cellStyle name="標準 4 4 4 6_原油高騰等の影響業種" xfId="11712"/>
    <cellStyle name="標準 4 4 4 7" xfId="3147"/>
    <cellStyle name="標準 4 4 4 8" xfId="6099"/>
    <cellStyle name="標準 4 4 4_原油高騰等の影響業種" xfId="11697"/>
    <cellStyle name="標準 4 4 5" xfId="236"/>
    <cellStyle name="標準 4 4 5 2" xfId="609"/>
    <cellStyle name="標準 4 4 5 2 2" xfId="1347"/>
    <cellStyle name="標準 4 4 5 2 2 2" xfId="4299"/>
    <cellStyle name="標準 4 4 5 2 2 3" xfId="7251"/>
    <cellStyle name="標準 4 4 5 2 2_原油高騰等の影響業種" xfId="11715"/>
    <cellStyle name="標準 4 4 5 2 3" xfId="2085"/>
    <cellStyle name="標準 4 4 5 2 3 2" xfId="5037"/>
    <cellStyle name="標準 4 4 5 2 3 3" xfId="7989"/>
    <cellStyle name="標準 4 4 5 2 3_原油高騰等の影響業種" xfId="11716"/>
    <cellStyle name="標準 4 4 5 2 4" xfId="2823"/>
    <cellStyle name="標準 4 4 5 2 4 2" xfId="5775"/>
    <cellStyle name="標準 4 4 5 2 4 3" xfId="8727"/>
    <cellStyle name="標準 4 4 5 2 4_原油高騰等の影響業種" xfId="11717"/>
    <cellStyle name="標準 4 4 5 2 5" xfId="3561"/>
    <cellStyle name="標準 4 4 5 2 6" xfId="6513"/>
    <cellStyle name="標準 4 4 5 2_原油高騰等の影響業種" xfId="11714"/>
    <cellStyle name="標準 4 4 5 3" xfId="978"/>
    <cellStyle name="標準 4 4 5 3 2" xfId="3930"/>
    <cellStyle name="標準 4 4 5 3 3" xfId="6882"/>
    <cellStyle name="標準 4 4 5 3_原油高騰等の影響業種" xfId="11718"/>
    <cellStyle name="標準 4 4 5 4" xfId="1716"/>
    <cellStyle name="標準 4 4 5 4 2" xfId="4668"/>
    <cellStyle name="標準 4 4 5 4 3" xfId="7620"/>
    <cellStyle name="標準 4 4 5 4_原油高騰等の影響業種" xfId="11719"/>
    <cellStyle name="標準 4 4 5 5" xfId="2454"/>
    <cellStyle name="標準 4 4 5 5 2" xfId="5406"/>
    <cellStyle name="標準 4 4 5 5 3" xfId="8358"/>
    <cellStyle name="標準 4 4 5 5_原油高騰等の影響業種" xfId="11720"/>
    <cellStyle name="標準 4 4 5 6" xfId="3192"/>
    <cellStyle name="標準 4 4 5 7" xfId="6144"/>
    <cellStyle name="標準 4 4 5_原油高騰等の影響業種" xfId="11713"/>
    <cellStyle name="標準 4 4 6" xfId="429"/>
    <cellStyle name="標準 4 4 6 2" xfId="1167"/>
    <cellStyle name="標準 4 4 6 2 2" xfId="4119"/>
    <cellStyle name="標準 4 4 6 2 3" xfId="7071"/>
    <cellStyle name="標準 4 4 6 2_原油高騰等の影響業種" xfId="11722"/>
    <cellStyle name="標準 4 4 6 3" xfId="1905"/>
    <cellStyle name="標準 4 4 6 3 2" xfId="4857"/>
    <cellStyle name="標準 4 4 6 3 3" xfId="7809"/>
    <cellStyle name="標準 4 4 6 3_原油高騰等の影響業種" xfId="11723"/>
    <cellStyle name="標準 4 4 6 4" xfId="2643"/>
    <cellStyle name="標準 4 4 6 4 2" xfId="5595"/>
    <cellStyle name="標準 4 4 6 4 3" xfId="8547"/>
    <cellStyle name="標準 4 4 6 4_原油高騰等の影響業種" xfId="11724"/>
    <cellStyle name="標準 4 4 6 5" xfId="3381"/>
    <cellStyle name="標準 4 4 6 6" xfId="6333"/>
    <cellStyle name="標準 4 4 6_原油高騰等の影響業種" xfId="11721"/>
    <cellStyle name="標準 4 4 7" xfId="798"/>
    <cellStyle name="標準 4 4 7 2" xfId="3750"/>
    <cellStyle name="標準 4 4 7 3" xfId="6702"/>
    <cellStyle name="標準 4 4 7_原油高騰等の影響業種" xfId="11725"/>
    <cellStyle name="標準 4 4 8" xfId="1536"/>
    <cellStyle name="標準 4 4 8 2" xfId="4488"/>
    <cellStyle name="標準 4 4 8 3" xfId="7440"/>
    <cellStyle name="標準 4 4 8_原油高騰等の影響業種" xfId="11726"/>
    <cellStyle name="標準 4 4 9" xfId="2274"/>
    <cellStyle name="標準 4 4 9 2" xfId="5226"/>
    <cellStyle name="標準 4 4 9 3" xfId="8178"/>
    <cellStyle name="標準 4 4 9_原油高騰等の影響業種" xfId="11727"/>
    <cellStyle name="標準 4 4_原油高騰等の影響業種" xfId="11664"/>
    <cellStyle name="標準 4 5" xfId="65"/>
    <cellStyle name="標準 4 5 2" xfId="245"/>
    <cellStyle name="標準 4 5 2 2" xfId="618"/>
    <cellStyle name="標準 4 5 2 2 2" xfId="1356"/>
    <cellStyle name="標準 4 5 2 2 2 2" xfId="4308"/>
    <cellStyle name="標準 4 5 2 2 2 3" xfId="7260"/>
    <cellStyle name="標準 4 5 2 2 2_原油高騰等の影響業種" xfId="11731"/>
    <cellStyle name="標準 4 5 2 2 3" xfId="2094"/>
    <cellStyle name="標準 4 5 2 2 3 2" xfId="5046"/>
    <cellStyle name="標準 4 5 2 2 3 3" xfId="7998"/>
    <cellStyle name="標準 4 5 2 2 3_原油高騰等の影響業種" xfId="11732"/>
    <cellStyle name="標準 4 5 2 2 4" xfId="2832"/>
    <cellStyle name="標準 4 5 2 2 4 2" xfId="5784"/>
    <cellStyle name="標準 4 5 2 2 4 3" xfId="8736"/>
    <cellStyle name="標準 4 5 2 2 4_原油高騰等の影響業種" xfId="11733"/>
    <cellStyle name="標準 4 5 2 2 5" xfId="3570"/>
    <cellStyle name="標準 4 5 2 2 6" xfId="6522"/>
    <cellStyle name="標準 4 5 2 2_原油高騰等の影響業種" xfId="11730"/>
    <cellStyle name="標準 4 5 2 3" xfId="987"/>
    <cellStyle name="標準 4 5 2 3 2" xfId="3939"/>
    <cellStyle name="標準 4 5 2 3 3" xfId="6891"/>
    <cellStyle name="標準 4 5 2 3_原油高騰等の影響業種" xfId="11734"/>
    <cellStyle name="標準 4 5 2 4" xfId="1725"/>
    <cellStyle name="標準 4 5 2 4 2" xfId="4677"/>
    <cellStyle name="標準 4 5 2 4 3" xfId="7629"/>
    <cellStyle name="標準 4 5 2 4_原油高騰等の影響業種" xfId="11735"/>
    <cellStyle name="標準 4 5 2 5" xfId="2463"/>
    <cellStyle name="標準 4 5 2 5 2" xfId="5415"/>
    <cellStyle name="標準 4 5 2 5 3" xfId="8367"/>
    <cellStyle name="標準 4 5 2 5_原油高騰等の影響業種" xfId="11736"/>
    <cellStyle name="標準 4 5 2 6" xfId="3201"/>
    <cellStyle name="標準 4 5 2 7" xfId="6153"/>
    <cellStyle name="標準 4 5 2_原油高騰等の影響業種" xfId="11729"/>
    <cellStyle name="標準 4 5 3" xfId="438"/>
    <cellStyle name="標準 4 5 3 2" xfId="1176"/>
    <cellStyle name="標準 4 5 3 2 2" xfId="4128"/>
    <cellStyle name="標準 4 5 3 2 3" xfId="7080"/>
    <cellStyle name="標準 4 5 3 2_原油高騰等の影響業種" xfId="11738"/>
    <cellStyle name="標準 4 5 3 3" xfId="1914"/>
    <cellStyle name="標準 4 5 3 3 2" xfId="4866"/>
    <cellStyle name="標準 4 5 3 3 3" xfId="7818"/>
    <cellStyle name="標準 4 5 3 3_原油高騰等の影響業種" xfId="11739"/>
    <cellStyle name="標準 4 5 3 4" xfId="2652"/>
    <cellStyle name="標準 4 5 3 4 2" xfId="5604"/>
    <cellStyle name="標準 4 5 3 4 3" xfId="8556"/>
    <cellStyle name="標準 4 5 3 4_原油高騰等の影響業種" xfId="11740"/>
    <cellStyle name="標準 4 5 3 5" xfId="3390"/>
    <cellStyle name="標準 4 5 3 6" xfId="6342"/>
    <cellStyle name="標準 4 5 3_原油高騰等の影響業種" xfId="11737"/>
    <cellStyle name="標準 4 5 4" xfId="807"/>
    <cellStyle name="標準 4 5 4 2" xfId="3759"/>
    <cellStyle name="標準 4 5 4 3" xfId="6711"/>
    <cellStyle name="標準 4 5 4_原油高騰等の影響業種" xfId="11741"/>
    <cellStyle name="標準 4 5 5" xfId="1545"/>
    <cellStyle name="標準 4 5 5 2" xfId="4497"/>
    <cellStyle name="標準 4 5 5 3" xfId="7449"/>
    <cellStyle name="標準 4 5 5_原油高騰等の影響業種" xfId="11742"/>
    <cellStyle name="標準 4 5 6" xfId="2283"/>
    <cellStyle name="標準 4 5 6 2" xfId="5235"/>
    <cellStyle name="標準 4 5 6 3" xfId="8187"/>
    <cellStyle name="標準 4 5 6_原油高騰等の影響業種" xfId="11743"/>
    <cellStyle name="標準 4 5 7" xfId="3021"/>
    <cellStyle name="標準 4 5 8" xfId="5973"/>
    <cellStyle name="標準 4 5_原油高騰等の影響業種" xfId="11728"/>
    <cellStyle name="標準 4 6" xfId="110"/>
    <cellStyle name="標準 4 6 2" xfId="290"/>
    <cellStyle name="標準 4 6 2 2" xfId="663"/>
    <cellStyle name="標準 4 6 2 2 2" xfId="1401"/>
    <cellStyle name="標準 4 6 2 2 2 2" xfId="4353"/>
    <cellStyle name="標準 4 6 2 2 2 3" xfId="7305"/>
    <cellStyle name="標準 4 6 2 2 2_原油高騰等の影響業種" xfId="11747"/>
    <cellStyle name="標準 4 6 2 2 3" xfId="2139"/>
    <cellStyle name="標準 4 6 2 2 3 2" xfId="5091"/>
    <cellStyle name="標準 4 6 2 2 3 3" xfId="8043"/>
    <cellStyle name="標準 4 6 2 2 3_原油高騰等の影響業種" xfId="11748"/>
    <cellStyle name="標準 4 6 2 2 4" xfId="2877"/>
    <cellStyle name="標準 4 6 2 2 4 2" xfId="5829"/>
    <cellStyle name="標準 4 6 2 2 4 3" xfId="8781"/>
    <cellStyle name="標準 4 6 2 2 4_原油高騰等の影響業種" xfId="11749"/>
    <cellStyle name="標準 4 6 2 2 5" xfId="3615"/>
    <cellStyle name="標準 4 6 2 2 6" xfId="6567"/>
    <cellStyle name="標準 4 6 2 2_原油高騰等の影響業種" xfId="11746"/>
    <cellStyle name="標準 4 6 2 3" xfId="1032"/>
    <cellStyle name="標準 4 6 2 3 2" xfId="3984"/>
    <cellStyle name="標準 4 6 2 3 3" xfId="6936"/>
    <cellStyle name="標準 4 6 2 3_原油高騰等の影響業種" xfId="11750"/>
    <cellStyle name="標準 4 6 2 4" xfId="1770"/>
    <cellStyle name="標準 4 6 2 4 2" xfId="4722"/>
    <cellStyle name="標準 4 6 2 4 3" xfId="7674"/>
    <cellStyle name="標準 4 6 2 4_原油高騰等の影響業種" xfId="11751"/>
    <cellStyle name="標準 4 6 2 5" xfId="2508"/>
    <cellStyle name="標準 4 6 2 5 2" xfId="5460"/>
    <cellStyle name="標準 4 6 2 5 3" xfId="8412"/>
    <cellStyle name="標準 4 6 2 5_原油高騰等の影響業種" xfId="11752"/>
    <cellStyle name="標準 4 6 2 6" xfId="3246"/>
    <cellStyle name="標準 4 6 2 7" xfId="6198"/>
    <cellStyle name="標準 4 6 2_原油高騰等の影響業種" xfId="11745"/>
    <cellStyle name="標準 4 6 3" xfId="483"/>
    <cellStyle name="標準 4 6 3 2" xfId="1221"/>
    <cellStyle name="標準 4 6 3 2 2" xfId="4173"/>
    <cellStyle name="標準 4 6 3 2 3" xfId="7125"/>
    <cellStyle name="標準 4 6 3 2_原油高騰等の影響業種" xfId="11754"/>
    <cellStyle name="標準 4 6 3 3" xfId="1959"/>
    <cellStyle name="標準 4 6 3 3 2" xfId="4911"/>
    <cellStyle name="標準 4 6 3 3 3" xfId="7863"/>
    <cellStyle name="標準 4 6 3 3_原油高騰等の影響業種" xfId="11755"/>
    <cellStyle name="標準 4 6 3 4" xfId="2697"/>
    <cellStyle name="標準 4 6 3 4 2" xfId="5649"/>
    <cellStyle name="標準 4 6 3 4 3" xfId="8601"/>
    <cellStyle name="標準 4 6 3 4_原油高騰等の影響業種" xfId="11756"/>
    <cellStyle name="標準 4 6 3 5" xfId="3435"/>
    <cellStyle name="標準 4 6 3 6" xfId="6387"/>
    <cellStyle name="標準 4 6 3_原油高騰等の影響業種" xfId="11753"/>
    <cellStyle name="標準 4 6 4" xfId="852"/>
    <cellStyle name="標準 4 6 4 2" xfId="3804"/>
    <cellStyle name="標準 4 6 4 3" xfId="6756"/>
    <cellStyle name="標準 4 6 4_原油高騰等の影響業種" xfId="11757"/>
    <cellStyle name="標準 4 6 5" xfId="1590"/>
    <cellStyle name="標準 4 6 5 2" xfId="4542"/>
    <cellStyle name="標準 4 6 5 3" xfId="7494"/>
    <cellStyle name="標準 4 6 5_原油高騰等の影響業種" xfId="11758"/>
    <cellStyle name="標準 4 6 6" xfId="2328"/>
    <cellStyle name="標準 4 6 6 2" xfId="5280"/>
    <cellStyle name="標準 4 6 6 3" xfId="8232"/>
    <cellStyle name="標準 4 6 6_原油高騰等の影響業種" xfId="11759"/>
    <cellStyle name="標準 4 6 7" xfId="3066"/>
    <cellStyle name="標準 4 6 8" xfId="6018"/>
    <cellStyle name="標準 4 6_原油高騰等の影響業種" xfId="11744"/>
    <cellStyle name="標準 4 7" xfId="155"/>
    <cellStyle name="標準 4 7 2" xfId="335"/>
    <cellStyle name="標準 4 7 2 2" xfId="708"/>
    <cellStyle name="標準 4 7 2 2 2" xfId="1446"/>
    <cellStyle name="標準 4 7 2 2 2 2" xfId="4398"/>
    <cellStyle name="標準 4 7 2 2 2 3" xfId="7350"/>
    <cellStyle name="標準 4 7 2 2 2_原油高騰等の影響業種" xfId="11763"/>
    <cellStyle name="標準 4 7 2 2 3" xfId="2184"/>
    <cellStyle name="標準 4 7 2 2 3 2" xfId="5136"/>
    <cellStyle name="標準 4 7 2 2 3 3" xfId="8088"/>
    <cellStyle name="標準 4 7 2 2 3_原油高騰等の影響業種" xfId="11764"/>
    <cellStyle name="標準 4 7 2 2 4" xfId="2922"/>
    <cellStyle name="標準 4 7 2 2 4 2" xfId="5874"/>
    <cellStyle name="標準 4 7 2 2 4 3" xfId="8826"/>
    <cellStyle name="標準 4 7 2 2 4_原油高騰等の影響業種" xfId="11765"/>
    <cellStyle name="標準 4 7 2 2 5" xfId="3660"/>
    <cellStyle name="標準 4 7 2 2 6" xfId="6612"/>
    <cellStyle name="標準 4 7 2 2_原油高騰等の影響業種" xfId="11762"/>
    <cellStyle name="標準 4 7 2 3" xfId="1077"/>
    <cellStyle name="標準 4 7 2 3 2" xfId="4029"/>
    <cellStyle name="標準 4 7 2 3 3" xfId="6981"/>
    <cellStyle name="標準 4 7 2 3_原油高騰等の影響業種" xfId="11766"/>
    <cellStyle name="標準 4 7 2 4" xfId="1815"/>
    <cellStyle name="標準 4 7 2 4 2" xfId="4767"/>
    <cellStyle name="標準 4 7 2 4 3" xfId="7719"/>
    <cellStyle name="標準 4 7 2 4_原油高騰等の影響業種" xfId="11767"/>
    <cellStyle name="標準 4 7 2 5" xfId="2553"/>
    <cellStyle name="標準 4 7 2 5 2" xfId="5505"/>
    <cellStyle name="標準 4 7 2 5 3" xfId="8457"/>
    <cellStyle name="標準 4 7 2 5_原油高騰等の影響業種" xfId="11768"/>
    <cellStyle name="標準 4 7 2 6" xfId="3291"/>
    <cellStyle name="標準 4 7 2 7" xfId="6243"/>
    <cellStyle name="標準 4 7 2_原油高騰等の影響業種" xfId="11761"/>
    <cellStyle name="標準 4 7 3" xfId="528"/>
    <cellStyle name="標準 4 7 3 2" xfId="1266"/>
    <cellStyle name="標準 4 7 3 2 2" xfId="4218"/>
    <cellStyle name="標準 4 7 3 2 3" xfId="7170"/>
    <cellStyle name="標準 4 7 3 2_原油高騰等の影響業種" xfId="11770"/>
    <cellStyle name="標準 4 7 3 3" xfId="2004"/>
    <cellStyle name="標準 4 7 3 3 2" xfId="4956"/>
    <cellStyle name="標準 4 7 3 3 3" xfId="7908"/>
    <cellStyle name="標準 4 7 3 3_原油高騰等の影響業種" xfId="11771"/>
    <cellStyle name="標準 4 7 3 4" xfId="2742"/>
    <cellStyle name="標準 4 7 3 4 2" xfId="5694"/>
    <cellStyle name="標準 4 7 3 4 3" xfId="8646"/>
    <cellStyle name="標準 4 7 3 4_原油高騰等の影響業種" xfId="11772"/>
    <cellStyle name="標準 4 7 3 5" xfId="3480"/>
    <cellStyle name="標準 4 7 3 6" xfId="6432"/>
    <cellStyle name="標準 4 7 3_原油高騰等の影響業種" xfId="11769"/>
    <cellStyle name="標準 4 7 4" xfId="897"/>
    <cellStyle name="標準 4 7 4 2" xfId="3849"/>
    <cellStyle name="標準 4 7 4 3" xfId="6801"/>
    <cellStyle name="標準 4 7 4_原油高騰等の影響業種" xfId="11773"/>
    <cellStyle name="標準 4 7 5" xfId="1635"/>
    <cellStyle name="標準 4 7 5 2" xfId="4587"/>
    <cellStyle name="標準 4 7 5 3" xfId="7539"/>
    <cellStyle name="標準 4 7 5_原油高騰等の影響業種" xfId="11774"/>
    <cellStyle name="標準 4 7 6" xfId="2373"/>
    <cellStyle name="標準 4 7 6 2" xfId="5325"/>
    <cellStyle name="標準 4 7 6 3" xfId="8277"/>
    <cellStyle name="標準 4 7 6_原油高騰等の影響業種" xfId="11775"/>
    <cellStyle name="標準 4 7 7" xfId="3111"/>
    <cellStyle name="標準 4 7 8" xfId="6063"/>
    <cellStyle name="標準 4 7_原油高騰等の影響業種" xfId="11760"/>
    <cellStyle name="標準 4 8" xfId="200"/>
    <cellStyle name="標準 4 8 2" xfId="573"/>
    <cellStyle name="標準 4 8 2 2" xfId="1311"/>
    <cellStyle name="標準 4 8 2 2 2" xfId="4263"/>
    <cellStyle name="標準 4 8 2 2 3" xfId="7215"/>
    <cellStyle name="標準 4 8 2 2_原油高騰等の影響業種" xfId="11778"/>
    <cellStyle name="標準 4 8 2 3" xfId="2049"/>
    <cellStyle name="標準 4 8 2 3 2" xfId="5001"/>
    <cellStyle name="標準 4 8 2 3 3" xfId="7953"/>
    <cellStyle name="標準 4 8 2 3_原油高騰等の影響業種" xfId="11779"/>
    <cellStyle name="標準 4 8 2 4" xfId="2787"/>
    <cellStyle name="標準 4 8 2 4 2" xfId="5739"/>
    <cellStyle name="標準 4 8 2 4 3" xfId="8691"/>
    <cellStyle name="標準 4 8 2 4_原油高騰等の影響業種" xfId="11780"/>
    <cellStyle name="標準 4 8 2 5" xfId="3525"/>
    <cellStyle name="標準 4 8 2 6" xfId="6477"/>
    <cellStyle name="標準 4 8 2_原油高騰等の影響業種" xfId="11777"/>
    <cellStyle name="標準 4 8 3" xfId="942"/>
    <cellStyle name="標準 4 8 3 2" xfId="3894"/>
    <cellStyle name="標準 4 8 3 3" xfId="6846"/>
    <cellStyle name="標準 4 8 3_原油高騰等の影響業種" xfId="11781"/>
    <cellStyle name="標準 4 8 4" xfId="1680"/>
    <cellStyle name="標準 4 8 4 2" xfId="4632"/>
    <cellStyle name="標準 4 8 4 3" xfId="7584"/>
    <cellStyle name="標準 4 8 4_原油高騰等の影響業種" xfId="11782"/>
    <cellStyle name="標準 4 8 5" xfId="2418"/>
    <cellStyle name="標準 4 8 5 2" xfId="5370"/>
    <cellStyle name="標準 4 8 5 3" xfId="8322"/>
    <cellStyle name="標準 4 8 5_原油高騰等の影響業種" xfId="11783"/>
    <cellStyle name="標準 4 8 6" xfId="3156"/>
    <cellStyle name="標準 4 8 7" xfId="6108"/>
    <cellStyle name="標準 4 8_原油高騰等の影響業種" xfId="11776"/>
    <cellStyle name="標準 4 9" xfId="393"/>
    <cellStyle name="標準 4 9 2" xfId="1131"/>
    <cellStyle name="標準 4 9 2 2" xfId="4083"/>
    <cellStyle name="標準 4 9 2 3" xfId="7035"/>
    <cellStyle name="標準 4 9 2_原油高騰等の影響業種" xfId="11785"/>
    <cellStyle name="標準 4 9 3" xfId="1869"/>
    <cellStyle name="標準 4 9 3 2" xfId="4821"/>
    <cellStyle name="標準 4 9 3 3" xfId="7773"/>
    <cellStyle name="標準 4 9 3_原油高騰等の影響業種" xfId="11786"/>
    <cellStyle name="標準 4 9 4" xfId="2607"/>
    <cellStyle name="標準 4 9 4 2" xfId="5559"/>
    <cellStyle name="標準 4 9 4 3" xfId="8511"/>
    <cellStyle name="標準 4 9 4_原油高騰等の影響業種" xfId="11787"/>
    <cellStyle name="標準 4 9 5" xfId="3345"/>
    <cellStyle name="標準 4 9 6" xfId="6297"/>
    <cellStyle name="標準 4 9_原油高騰等の影響業種" xfId="11784"/>
    <cellStyle name="標準 4_原油高騰等の影響業種" xfId="11468"/>
    <cellStyle name="標準 5" xfId="8"/>
    <cellStyle name="標準 5 2" xfId="382"/>
    <cellStyle name="標準 5 3" xfId="747"/>
    <cellStyle name="標準 5 3 2" xfId="1485"/>
    <cellStyle name="標準 5 3 2 2" xfId="4437"/>
    <cellStyle name="標準 5 3 2 3" xfId="7389"/>
    <cellStyle name="標準 5 3 2_原油高騰等の影響業種" xfId="11790"/>
    <cellStyle name="標準 5 3 3" xfId="2223"/>
    <cellStyle name="標準 5 3 3 2" xfId="5175"/>
    <cellStyle name="標準 5 3 3 3" xfId="8127"/>
    <cellStyle name="標準 5 3 3_原油高騰等の影響業種" xfId="11791"/>
    <cellStyle name="標準 5 3 4" xfId="2961"/>
    <cellStyle name="標準 5 3 4 2" xfId="5913"/>
    <cellStyle name="標準 5 3 4 3" xfId="8865"/>
    <cellStyle name="標準 5 3 4_原油高騰等の影響業種" xfId="11792"/>
    <cellStyle name="標準 5 3 5" xfId="3699"/>
    <cellStyle name="標準 5 3 6" xfId="6651"/>
    <cellStyle name="標準 5 3_原油高騰等の影響業種" xfId="11789"/>
    <cellStyle name="標準 5 4" xfId="1116"/>
    <cellStyle name="標準 5 4 2" xfId="4068"/>
    <cellStyle name="標準 5 4 3" xfId="7020"/>
    <cellStyle name="標準 5 4_原油高騰等の影響業種" xfId="11793"/>
    <cellStyle name="標準 5 5" xfId="1854"/>
    <cellStyle name="標準 5 5 2" xfId="4806"/>
    <cellStyle name="標準 5 5 3" xfId="7758"/>
    <cellStyle name="標準 5 5_原油高騰等の影響業種" xfId="11794"/>
    <cellStyle name="標準 5 6" xfId="2592"/>
    <cellStyle name="標準 5 6 2" xfId="5544"/>
    <cellStyle name="標準 5 6 3" xfId="8496"/>
    <cellStyle name="標準 5 6_原油高騰等の影響業種" xfId="11795"/>
    <cellStyle name="標準 5 7" xfId="3330"/>
    <cellStyle name="標準 5 8" xfId="6282"/>
    <cellStyle name="標準 5_原油高騰等の影響業種" xfId="11788"/>
    <cellStyle name="標準 6" xfId="9"/>
    <cellStyle name="標準 6 2" xfId="746"/>
    <cellStyle name="標準 6 2 2" xfId="1484"/>
    <cellStyle name="標準 6 2 2 2" xfId="4436"/>
    <cellStyle name="標準 6 2 2 3" xfId="7388"/>
    <cellStyle name="標準 6 2 2_原油高騰等の影響業種" xfId="11798"/>
    <cellStyle name="標準 6 2 3" xfId="2222"/>
    <cellStyle name="標準 6 2 3 2" xfId="5174"/>
    <cellStyle name="標準 6 2 3 3" xfId="8126"/>
    <cellStyle name="標準 6 2 3_原油高騰等の影響業種" xfId="11799"/>
    <cellStyle name="標準 6 2 4" xfId="2960"/>
    <cellStyle name="標準 6 2 4 2" xfId="5912"/>
    <cellStyle name="標準 6 2 4 3" xfId="8864"/>
    <cellStyle name="標準 6 2 4_原油高騰等の影響業種" xfId="11800"/>
    <cellStyle name="標準 6 2 5" xfId="3698"/>
    <cellStyle name="標準 6 2 6" xfId="6650"/>
    <cellStyle name="標準 6 2_原油高騰等の影響業種" xfId="11797"/>
    <cellStyle name="標準 6 3" xfId="1115"/>
    <cellStyle name="標準 6 3 2" xfId="4067"/>
    <cellStyle name="標準 6 3 3" xfId="7019"/>
    <cellStyle name="標準 6 3_原油高騰等の影響業種" xfId="11801"/>
    <cellStyle name="標準 6 4" xfId="1853"/>
    <cellStyle name="標準 6 4 2" xfId="4805"/>
    <cellStyle name="標準 6 4 3" xfId="7757"/>
    <cellStyle name="標準 6 4_原油高騰等の影響業種" xfId="11802"/>
    <cellStyle name="標準 6 5" xfId="2591"/>
    <cellStyle name="標準 6 5 2" xfId="5543"/>
    <cellStyle name="標準 6 5 3" xfId="8495"/>
    <cellStyle name="標準 6 5_原油高騰等の影響業種" xfId="11803"/>
    <cellStyle name="標準 6 6" xfId="3329"/>
    <cellStyle name="標準 6 7" xfId="6281"/>
    <cellStyle name="標準 6_原油高騰等の影響業種" xfId="11796"/>
    <cellStyle name="標準 7" xfId="10"/>
    <cellStyle name="標準 7 2" xfId="745"/>
    <cellStyle name="標準 7 2 2" xfId="1483"/>
    <cellStyle name="標準 7 2 2 2" xfId="4435"/>
    <cellStyle name="標準 7 2 2 3" xfId="7387"/>
    <cellStyle name="標準 7 2 2_原油高騰等の影響業種" xfId="11806"/>
    <cellStyle name="標準 7 2 3" xfId="2221"/>
    <cellStyle name="標準 7 2 3 2" xfId="5173"/>
    <cellStyle name="標準 7 2 3 3" xfId="8125"/>
    <cellStyle name="標準 7 2 3_原油高騰等の影響業種" xfId="11807"/>
    <cellStyle name="標準 7 2 4" xfId="2959"/>
    <cellStyle name="標準 7 2 4 2" xfId="5911"/>
    <cellStyle name="標準 7 2 4 3" xfId="8863"/>
    <cellStyle name="標準 7 2 4_原油高騰等の影響業種" xfId="11808"/>
    <cellStyle name="標準 7 2 5" xfId="3697"/>
    <cellStyle name="標準 7 2 6" xfId="6649"/>
    <cellStyle name="標準 7 2_原油高騰等の影響業種" xfId="11805"/>
    <cellStyle name="標準 7 3" xfId="1114"/>
    <cellStyle name="標準 7 3 2" xfId="4066"/>
    <cellStyle name="標準 7 3 3" xfId="7018"/>
    <cellStyle name="標準 7 3_原油高騰等の影響業種" xfId="11809"/>
    <cellStyle name="標準 7 4" xfId="1852"/>
    <cellStyle name="標準 7 4 2" xfId="4804"/>
    <cellStyle name="標準 7 4 3" xfId="7756"/>
    <cellStyle name="標準 7 4_原油高騰等の影響業種" xfId="11810"/>
    <cellStyle name="標準 7 5" xfId="2590"/>
    <cellStyle name="標準 7 5 2" xfId="5542"/>
    <cellStyle name="標準 7 5 3" xfId="8494"/>
    <cellStyle name="標準 7 5_原油高騰等の影響業種" xfId="11811"/>
    <cellStyle name="標準 7 6" xfId="3328"/>
    <cellStyle name="標準 7 7" xfId="6280"/>
    <cellStyle name="標準 7_原油高騰等の影響業種" xfId="11804"/>
    <cellStyle name="標準 8" xfId="383"/>
    <cellStyle name="標準 8 2" xfId="384"/>
    <cellStyle name="標準 8 3" xfId="753"/>
    <cellStyle name="標準 8 3 2" xfId="1491"/>
    <cellStyle name="標準 8 3 2 2" xfId="4443"/>
    <cellStyle name="標準 8 3 2 3" xfId="7395"/>
    <cellStyle name="標準 8 3 2_原油高騰等の影響業種" xfId="11814"/>
    <cellStyle name="標準 8 3 3" xfId="2229"/>
    <cellStyle name="標準 8 3 3 2" xfId="5181"/>
    <cellStyle name="標準 8 3 3 3" xfId="8133"/>
    <cellStyle name="標準 8 3 3_原油高騰等の影響業種" xfId="11815"/>
    <cellStyle name="標準 8 3 4" xfId="2967"/>
    <cellStyle name="標準 8 3 4 2" xfId="5919"/>
    <cellStyle name="標準 8 3 4 3" xfId="8871"/>
    <cellStyle name="標準 8 3 4_原油高騰等の影響業種" xfId="11816"/>
    <cellStyle name="標準 8 3 5" xfId="3705"/>
    <cellStyle name="標準 8 3 6" xfId="6657"/>
    <cellStyle name="標準 8 3_原油高騰等の影響業種" xfId="11813"/>
    <cellStyle name="標準 8 4" xfId="1122"/>
    <cellStyle name="標準 8 4 2" xfId="4074"/>
    <cellStyle name="標準 8 4 3" xfId="7026"/>
    <cellStyle name="標準 8 4_原油高騰等の影響業種" xfId="11817"/>
    <cellStyle name="標準 8 5" xfId="1860"/>
    <cellStyle name="標準 8 5 2" xfId="4812"/>
    <cellStyle name="標準 8 5 3" xfId="7764"/>
    <cellStyle name="標準 8 5_原油高騰等の影響業種" xfId="11818"/>
    <cellStyle name="標準 8 6" xfId="2598"/>
    <cellStyle name="標準 8 6 2" xfId="5550"/>
    <cellStyle name="標準 8 6 3" xfId="8502"/>
    <cellStyle name="標準 8 6_原油高騰等の影響業種" xfId="11819"/>
    <cellStyle name="標準 8 7" xfId="3336"/>
    <cellStyle name="標準 8 8" xfId="6288"/>
    <cellStyle name="標準 8_原油高騰等の影響業種" xfId="11812"/>
    <cellStyle name="標準 9" xfId="6"/>
    <cellStyle name="標準 9 2" xfId="748"/>
    <cellStyle name="標準 9 2 2" xfId="1486"/>
    <cellStyle name="標準 9 2 2 2" xfId="4438"/>
    <cellStyle name="標準 9 2 2 3" xfId="7390"/>
    <cellStyle name="標準 9 2 2_原油高騰等の影響業種" xfId="11822"/>
    <cellStyle name="標準 9 2 3" xfId="2224"/>
    <cellStyle name="標準 9 2 3 2" xfId="5176"/>
    <cellStyle name="標準 9 2 3 3" xfId="8128"/>
    <cellStyle name="標準 9 2 3_原油高騰等の影響業種" xfId="11823"/>
    <cellStyle name="標準 9 2 4" xfId="2962"/>
    <cellStyle name="標準 9 2 4 2" xfId="5914"/>
    <cellStyle name="標準 9 2 4 3" xfId="8866"/>
    <cellStyle name="標準 9 2 4_原油高騰等の影響業種" xfId="11824"/>
    <cellStyle name="標準 9 2 5" xfId="3700"/>
    <cellStyle name="標準 9 2 6" xfId="6652"/>
    <cellStyle name="標準 9 2_原油高騰等の影響業種" xfId="11821"/>
    <cellStyle name="標準 9 3" xfId="1117"/>
    <cellStyle name="標準 9 3 2" xfId="4069"/>
    <cellStyle name="標準 9 3 3" xfId="7021"/>
    <cellStyle name="標準 9 3_原油高騰等の影響業種" xfId="11825"/>
    <cellStyle name="標準 9 4" xfId="1855"/>
    <cellStyle name="標準 9 4 2" xfId="4807"/>
    <cellStyle name="標準 9 4 3" xfId="7759"/>
    <cellStyle name="標準 9 4_原油高騰等の影響業種" xfId="11826"/>
    <cellStyle name="標準 9 5" xfId="2593"/>
    <cellStyle name="標準 9 5 2" xfId="5545"/>
    <cellStyle name="標準 9 5 3" xfId="8497"/>
    <cellStyle name="標準 9 5_原油高騰等の影響業種" xfId="11827"/>
    <cellStyle name="標準 9 6" xfId="3331"/>
    <cellStyle name="標準 9 7" xfId="6283"/>
    <cellStyle name="標準 9_原油高騰等の影響業種" xfId="11820"/>
  </cellStyles>
  <dxfs count="0"/>
  <tableStyles count="0" defaultTableStyle="TableStyleMedium2" defaultPivotStyle="PivotStyleLight16"/>
  <colors>
    <mruColors>
      <color rgb="FFFF66FF"/>
      <color rgb="FF00FFFF"/>
      <color rgb="FF0000FF"/>
      <color rgb="FF99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O:\&#9675;&#35036;&#23436;\&#9734;&#12501;&#12457;&#12523;&#12480;&#25972;&#29702;\301_&#20445;&#35388;&#21046;&#24230;\&#9675;&#9675;_&#12475;&#12540;&#12501;&#12486;&#12451;&#12493;&#12483;&#12488;&#20445;&#35388;\15_SN5&#21495;\03_&#26989;&#31278;&#25351;&#23450;&#35519;&#26619;\&#20196;&#21644;&#65300;&#24180;&#24230;\&#65300;&#24180;&#65303;&#26376;&#25351;&#23450;\02_&#12487;&#12540;&#12479;&#22238;&#21454;&amp;&#38598;&#35336;\02_&#38598;&#35336;\&#9733;&#9733;&#38598;&#35336;&#29992;&#12501;&#12449;&#12452;&#12523;&#65288;22FY2Q&#65289;&#9733;&#9733;22053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全体集計（作業用）"/>
      <sheetName val="分類番号"/>
      <sheetName val="×不指定業種リスト×"/>
      <sheetName val="ﾛｼｱ・ｳｸﾗｲﾅ情勢及び原油高の影響業種 "/>
      <sheetName val="国交省関連"/>
      <sheetName val="ﾛｼｱ・ｳｸﾗｲﾅ情勢等の影響業種"/>
      <sheetName val="原油高騰"/>
      <sheetName val="業種リスト（追加分）"/>
      <sheetName val="対比表"/>
      <sheetName val="連絡先リスト"/>
      <sheetName val="（参考）別掲"/>
      <sheetName val="判定結果抽出用"/>
      <sheetName val="指定業種リスト（今回） 471"/>
      <sheetName val="指定業種リスト（今回）1146"/>
    </sheetNames>
    <sheetDataSet>
      <sheetData sheetId="0" refreshError="1"/>
      <sheetData sheetId="1">
        <row r="4">
          <cell r="A4" t="str">
            <v>0113</v>
          </cell>
          <cell r="B4" t="str">
            <v>野菜作農業（きのこ類の栽培を含む）（製造加工設備を有するもやし栽培農業、作業所内において工場的生産設備（最小限温度又は湿度調節装置及び育成管理室を有することが必要。以下同じ。）をもって生産及び卸売する菌床栽培方式のきのこ栽培農業、並びに作業所内において工場的生産設備をもって生産及び卸売する苗床栽培方式のかいわれ大根栽培農業に限る。）</v>
          </cell>
        </row>
        <row r="5">
          <cell r="A5" t="str">
            <v>0116</v>
          </cell>
          <cell r="B5" t="str">
            <v>工芸農作物農業（製造加工設備を有する茶作農業であって、荒茶及び仕上茶の製造を行っているものに限る。）</v>
          </cell>
        </row>
        <row r="6">
          <cell r="A6" t="str">
            <v>0124</v>
          </cell>
          <cell r="B6" t="str">
            <v>養鶏業（人工ふ卵設備を有し、鶏卵の人工ふ化を行うものに限る。）</v>
          </cell>
        </row>
        <row r="7">
          <cell r="A7" t="str">
            <v>0126</v>
          </cell>
          <cell r="B7" t="str">
            <v>養蚕農業（製造加工設備を有する蚕種製造業に限る。）</v>
          </cell>
        </row>
        <row r="8">
          <cell r="A8" t="str">
            <v>0134</v>
          </cell>
          <cell r="B8" t="str">
            <v>畜産サービス業（獣医業を除く）（製造加工設備を有する蚕種製造請負業、てい鉄修理業、人工ふ卵設備を有し鶏卵の人工ふ化を行うふ卵業、家畜貸付業に限る。）</v>
          </cell>
        </row>
        <row r="9">
          <cell r="A9" t="str">
            <v>0141</v>
          </cell>
          <cell r="B9" t="str">
            <v>園芸サービス業</v>
          </cell>
        </row>
        <row r="10">
          <cell r="A10" t="str">
            <v>0221</v>
          </cell>
          <cell r="B10" t="str">
            <v>素材生産業</v>
          </cell>
        </row>
        <row r="11">
          <cell r="A11" t="str">
            <v>0231</v>
          </cell>
          <cell r="B11" t="str">
            <v>製薪炭業（製造加工設備を有するものに限る。）</v>
          </cell>
        </row>
        <row r="12">
          <cell r="A12" t="str">
            <v>0242</v>
          </cell>
          <cell r="B12" t="str">
            <v>素材生産サービス業</v>
          </cell>
        </row>
        <row r="13">
          <cell r="A13" t="str">
            <v>0249</v>
          </cell>
          <cell r="B13" t="str">
            <v>その他の林業サービス業（製造加工設備を有する薪請負製造業、炭焼請負業及び炭賃焼業に限る。）</v>
          </cell>
        </row>
        <row r="14">
          <cell r="A14" t="str">
            <v>0414</v>
          </cell>
          <cell r="B14" t="str">
            <v>真珠養殖業（養殖から加工までを一貫作業として行っているものに限る。）</v>
          </cell>
        </row>
        <row r="15">
          <cell r="A15" t="str">
            <v>0511</v>
          </cell>
          <cell r="B15" t="str">
            <v>金・銀鉱業</v>
          </cell>
        </row>
        <row r="16">
          <cell r="A16" t="str">
            <v>0512</v>
          </cell>
          <cell r="B16" t="str">
            <v>鉛・亜鉛鉱業</v>
          </cell>
        </row>
        <row r="17">
          <cell r="A17" t="str">
            <v>0513</v>
          </cell>
          <cell r="B17" t="str">
            <v>鉄鉱業</v>
          </cell>
        </row>
        <row r="18">
          <cell r="A18" t="str">
            <v>0519</v>
          </cell>
          <cell r="B18" t="str">
            <v>その他の金属鉱業</v>
          </cell>
        </row>
        <row r="19">
          <cell r="A19" t="str">
            <v>0521</v>
          </cell>
          <cell r="B19" t="str">
            <v>石炭鉱業（石炭選別業を含む）</v>
          </cell>
        </row>
        <row r="20">
          <cell r="A20" t="str">
            <v>0522</v>
          </cell>
          <cell r="B20" t="str">
            <v>亜炭鉱業</v>
          </cell>
        </row>
        <row r="21">
          <cell r="A21" t="str">
            <v>0531</v>
          </cell>
          <cell r="B21" t="str">
            <v>原油鉱業</v>
          </cell>
        </row>
        <row r="22">
          <cell r="A22" t="str">
            <v>0532</v>
          </cell>
          <cell r="B22" t="str">
            <v>天然ガス鉱業</v>
          </cell>
        </row>
        <row r="23">
          <cell r="A23" t="str">
            <v>0541</v>
          </cell>
          <cell r="B23" t="str">
            <v>花こう岩・同類似岩石採石業</v>
          </cell>
        </row>
        <row r="24">
          <cell r="A24" t="str">
            <v>0542</v>
          </cell>
          <cell r="B24" t="str">
            <v>石英粗面岩・同類似岩石採石業</v>
          </cell>
        </row>
        <row r="25">
          <cell r="A25" t="str">
            <v>0543</v>
          </cell>
          <cell r="B25" t="str">
            <v>安山岩・同類似岩石採石業</v>
          </cell>
        </row>
        <row r="26">
          <cell r="A26" t="str">
            <v>0544</v>
          </cell>
          <cell r="B26" t="str">
            <v>大理石採石業</v>
          </cell>
        </row>
        <row r="27">
          <cell r="A27" t="str">
            <v>0545</v>
          </cell>
          <cell r="B27" t="str">
            <v>ぎょう灰岩採石業</v>
          </cell>
        </row>
        <row r="28">
          <cell r="A28" t="str">
            <v>0546</v>
          </cell>
          <cell r="B28" t="str">
            <v>砂岩採石業</v>
          </cell>
        </row>
        <row r="29">
          <cell r="A29" t="str">
            <v>0547</v>
          </cell>
          <cell r="B29" t="str">
            <v>粘板岩採石業</v>
          </cell>
        </row>
        <row r="30">
          <cell r="A30" t="str">
            <v>0548</v>
          </cell>
          <cell r="B30" t="str">
            <v>砂・砂利・玉石採取業</v>
          </cell>
        </row>
        <row r="31">
          <cell r="A31" t="str">
            <v>0549</v>
          </cell>
          <cell r="B31" t="str">
            <v>その他の採石業、砂・砂利・玉石採取業</v>
          </cell>
        </row>
        <row r="32">
          <cell r="A32" t="str">
            <v>0551</v>
          </cell>
          <cell r="B32" t="str">
            <v>耐火粘土鉱業</v>
          </cell>
        </row>
        <row r="33">
          <cell r="A33" t="str">
            <v>0552</v>
          </cell>
          <cell r="B33" t="str">
            <v>ろう石鉱業</v>
          </cell>
        </row>
        <row r="34">
          <cell r="A34" t="str">
            <v>0553</v>
          </cell>
          <cell r="B34" t="str">
            <v>ドロマイト鉱業</v>
          </cell>
        </row>
        <row r="35">
          <cell r="A35" t="str">
            <v>0554</v>
          </cell>
          <cell r="B35" t="str">
            <v>長石鉱業</v>
          </cell>
        </row>
        <row r="36">
          <cell r="A36" t="str">
            <v>0555</v>
          </cell>
          <cell r="B36" t="str">
            <v>けい石鉱業</v>
          </cell>
        </row>
        <row r="37">
          <cell r="A37" t="str">
            <v>0556</v>
          </cell>
          <cell r="B37" t="str">
            <v>天然けい砂鉱業</v>
          </cell>
        </row>
        <row r="38">
          <cell r="A38" t="str">
            <v>0557</v>
          </cell>
          <cell r="B38" t="str">
            <v>石灰石鉱業</v>
          </cell>
        </row>
        <row r="39">
          <cell r="A39" t="str">
            <v>0559</v>
          </cell>
          <cell r="B39" t="str">
            <v>その他の窯業原料用鉱物鉱業</v>
          </cell>
        </row>
        <row r="40">
          <cell r="A40" t="str">
            <v>0591</v>
          </cell>
          <cell r="B40" t="str">
            <v>酸性白土鉱業</v>
          </cell>
        </row>
        <row r="41">
          <cell r="A41" t="str">
            <v>0592</v>
          </cell>
          <cell r="B41" t="str">
            <v>ベントナイト鉱業</v>
          </cell>
        </row>
        <row r="42">
          <cell r="A42" t="str">
            <v>0593</v>
          </cell>
          <cell r="B42" t="str">
            <v>けいそう土鉱業</v>
          </cell>
        </row>
        <row r="43">
          <cell r="A43" t="str">
            <v>0594</v>
          </cell>
          <cell r="B43" t="str">
            <v>滑石鉱業</v>
          </cell>
        </row>
        <row r="44">
          <cell r="A44" t="str">
            <v>0599</v>
          </cell>
          <cell r="B44" t="str">
            <v>他に分類されない鉱業</v>
          </cell>
        </row>
        <row r="45">
          <cell r="A45" t="str">
            <v>0611</v>
          </cell>
          <cell r="B45" t="str">
            <v>一般土木建築工事業</v>
          </cell>
        </row>
        <row r="46">
          <cell r="A46" t="str">
            <v>0621</v>
          </cell>
          <cell r="B46" t="str">
            <v>土木工事業（造園工事業、しゅんせつ工事業及び舗装工事業を除く）</v>
          </cell>
        </row>
        <row r="47">
          <cell r="A47" t="str">
            <v>0622</v>
          </cell>
          <cell r="B47" t="str">
            <v>造園工事業</v>
          </cell>
        </row>
        <row r="48">
          <cell r="A48" t="str">
            <v>0623</v>
          </cell>
          <cell r="B48" t="str">
            <v>しゅんせつ工事業</v>
          </cell>
        </row>
        <row r="49">
          <cell r="A49" t="str">
            <v>0631</v>
          </cell>
          <cell r="B49" t="str">
            <v>舗装工事業</v>
          </cell>
        </row>
        <row r="50">
          <cell r="A50" t="str">
            <v>0641</v>
          </cell>
          <cell r="B50" t="str">
            <v>建築工事業（木造建築工事業を除く）</v>
          </cell>
        </row>
        <row r="51">
          <cell r="A51" t="str">
            <v>0651</v>
          </cell>
          <cell r="B51" t="str">
            <v>木造建築工事業</v>
          </cell>
        </row>
        <row r="52">
          <cell r="A52" t="str">
            <v>0661</v>
          </cell>
          <cell r="B52" t="str">
            <v>建築リフォーム工事業</v>
          </cell>
        </row>
        <row r="53">
          <cell r="A53" t="str">
            <v>0711</v>
          </cell>
          <cell r="B53" t="str">
            <v>大工工事業（型枠大工工事業を除く）</v>
          </cell>
        </row>
        <row r="54">
          <cell r="A54" t="str">
            <v>0712</v>
          </cell>
          <cell r="B54" t="str">
            <v>型枠大工工事業</v>
          </cell>
        </row>
        <row r="55">
          <cell r="A55" t="str">
            <v>0721</v>
          </cell>
          <cell r="B55" t="str">
            <v>とび工事業</v>
          </cell>
        </row>
        <row r="56">
          <cell r="A56" t="str">
            <v>0722</v>
          </cell>
          <cell r="B56" t="str">
            <v>土工・コンクリート工事業</v>
          </cell>
        </row>
        <row r="57">
          <cell r="A57" t="str">
            <v>0723</v>
          </cell>
          <cell r="B57" t="str">
            <v>特殊コンクリート工事業</v>
          </cell>
        </row>
        <row r="58">
          <cell r="A58" t="str">
            <v>0731</v>
          </cell>
          <cell r="B58" t="str">
            <v>鉄骨工事業</v>
          </cell>
        </row>
        <row r="59">
          <cell r="A59" t="str">
            <v>0732</v>
          </cell>
          <cell r="B59" t="str">
            <v>鉄筋工事業</v>
          </cell>
        </row>
        <row r="60">
          <cell r="A60" t="str">
            <v>0741</v>
          </cell>
          <cell r="B60" t="str">
            <v>石工工事業</v>
          </cell>
        </row>
        <row r="61">
          <cell r="A61" t="str">
            <v>0742</v>
          </cell>
          <cell r="B61" t="str">
            <v>れんが工事業</v>
          </cell>
        </row>
        <row r="62">
          <cell r="A62" t="str">
            <v>0743</v>
          </cell>
          <cell r="B62" t="str">
            <v>タイル工事業</v>
          </cell>
        </row>
        <row r="63">
          <cell r="A63" t="str">
            <v>0744</v>
          </cell>
          <cell r="B63" t="str">
            <v>コンクリートブロック工事業</v>
          </cell>
        </row>
        <row r="64">
          <cell r="A64" t="str">
            <v>0751</v>
          </cell>
          <cell r="B64" t="str">
            <v>左官工事業</v>
          </cell>
        </row>
        <row r="65">
          <cell r="A65" t="str">
            <v>0761</v>
          </cell>
          <cell r="B65" t="str">
            <v>金属製屋根工事業</v>
          </cell>
        </row>
        <row r="66">
          <cell r="A66" t="str">
            <v>0762</v>
          </cell>
          <cell r="B66" t="str">
            <v>板金工事業</v>
          </cell>
        </row>
        <row r="67">
          <cell r="A67" t="str">
            <v>0763</v>
          </cell>
          <cell r="B67" t="str">
            <v>建築金物工事業</v>
          </cell>
        </row>
        <row r="68">
          <cell r="A68" t="str">
            <v>0771</v>
          </cell>
          <cell r="B68" t="str">
            <v>塗装工事業（道路標示・区画線工事業を除く）</v>
          </cell>
        </row>
        <row r="69">
          <cell r="A69" t="str">
            <v>0772</v>
          </cell>
          <cell r="B69" t="str">
            <v>道路標示・区画線工事業</v>
          </cell>
        </row>
        <row r="70">
          <cell r="A70" t="str">
            <v>0781</v>
          </cell>
          <cell r="B70" t="str">
            <v>床工事業</v>
          </cell>
        </row>
        <row r="71">
          <cell r="A71" t="str">
            <v>0782</v>
          </cell>
          <cell r="B71" t="str">
            <v>内装工事業</v>
          </cell>
        </row>
        <row r="72">
          <cell r="A72" t="str">
            <v>0791</v>
          </cell>
          <cell r="B72" t="str">
            <v>ガラス工事業</v>
          </cell>
        </row>
        <row r="73">
          <cell r="A73" t="str">
            <v>0792</v>
          </cell>
          <cell r="B73" t="str">
            <v>金属製建具工事業</v>
          </cell>
        </row>
        <row r="74">
          <cell r="A74" t="str">
            <v>0793</v>
          </cell>
          <cell r="B74" t="str">
            <v>木製建具工事業</v>
          </cell>
        </row>
        <row r="75">
          <cell r="A75" t="str">
            <v>0794</v>
          </cell>
          <cell r="B75" t="str">
            <v>屋根工事業（金属製屋根工事業を除く）</v>
          </cell>
        </row>
        <row r="76">
          <cell r="A76" t="str">
            <v>0795</v>
          </cell>
          <cell r="B76" t="str">
            <v>防水工事業</v>
          </cell>
        </row>
        <row r="77">
          <cell r="A77" t="str">
            <v>0796</v>
          </cell>
          <cell r="B77" t="str">
            <v>はつり・解体工事業</v>
          </cell>
        </row>
        <row r="78">
          <cell r="A78" t="str">
            <v>0799</v>
          </cell>
          <cell r="B78" t="str">
            <v>他に分類されない職別工事業</v>
          </cell>
        </row>
        <row r="79">
          <cell r="A79" t="str">
            <v>0811</v>
          </cell>
          <cell r="B79" t="str">
            <v>一般電気工事業</v>
          </cell>
        </row>
        <row r="80">
          <cell r="A80" t="str">
            <v>0812</v>
          </cell>
          <cell r="B80" t="str">
            <v>電気配線工事業</v>
          </cell>
        </row>
        <row r="81">
          <cell r="A81" t="str">
            <v>0821</v>
          </cell>
          <cell r="B81" t="str">
            <v>電気通信工事業（有線テレビジョン放送設備設置工事業を除く）</v>
          </cell>
        </row>
        <row r="82">
          <cell r="A82" t="str">
            <v>0822</v>
          </cell>
          <cell r="B82" t="str">
            <v>有線テレビジョン放送設備設置工事業</v>
          </cell>
        </row>
        <row r="83">
          <cell r="A83" t="str">
            <v>0823</v>
          </cell>
          <cell r="B83" t="str">
            <v>信号装置工事業</v>
          </cell>
        </row>
        <row r="84">
          <cell r="A84" t="str">
            <v>0831</v>
          </cell>
          <cell r="B84" t="str">
            <v>一般管工事業</v>
          </cell>
        </row>
        <row r="85">
          <cell r="A85" t="str">
            <v>0832</v>
          </cell>
          <cell r="B85" t="str">
            <v>冷暖房設備工事業</v>
          </cell>
        </row>
        <row r="86">
          <cell r="A86" t="str">
            <v>0833</v>
          </cell>
          <cell r="B86" t="str">
            <v>給排水・衛生設備工事業</v>
          </cell>
        </row>
        <row r="87">
          <cell r="A87" t="str">
            <v>0839</v>
          </cell>
          <cell r="B87" t="str">
            <v>その他の管工事業</v>
          </cell>
        </row>
        <row r="88">
          <cell r="A88" t="str">
            <v>0841</v>
          </cell>
          <cell r="B88" t="str">
            <v>機械器具設置工事業（昇降設備工事業を除く）</v>
          </cell>
        </row>
        <row r="89">
          <cell r="A89" t="str">
            <v>0842</v>
          </cell>
          <cell r="B89" t="str">
            <v>昇降設備工事業</v>
          </cell>
        </row>
        <row r="90">
          <cell r="A90" t="str">
            <v>0891</v>
          </cell>
          <cell r="B90" t="str">
            <v>築炉工事業</v>
          </cell>
        </row>
        <row r="91">
          <cell r="A91" t="str">
            <v>0892</v>
          </cell>
          <cell r="B91" t="str">
            <v>熱絶縁工事業</v>
          </cell>
        </row>
        <row r="92">
          <cell r="A92" t="str">
            <v>0893</v>
          </cell>
          <cell r="B92" t="str">
            <v>道路標識設置工事業</v>
          </cell>
        </row>
        <row r="93">
          <cell r="A93" t="str">
            <v>0894</v>
          </cell>
          <cell r="B93" t="str">
            <v>さく井工事業</v>
          </cell>
        </row>
        <row r="94">
          <cell r="A94" t="str">
            <v>0911</v>
          </cell>
          <cell r="B94" t="str">
            <v>部分肉・冷凍肉製造業</v>
          </cell>
        </row>
        <row r="95">
          <cell r="A95" t="str">
            <v>0912</v>
          </cell>
          <cell r="B95" t="str">
            <v>肉加工品製造業</v>
          </cell>
        </row>
        <row r="96">
          <cell r="A96" t="str">
            <v>0913</v>
          </cell>
          <cell r="B96" t="str">
            <v>処理牛乳・乳飲料製造業</v>
          </cell>
        </row>
        <row r="97">
          <cell r="A97" t="str">
            <v>0914</v>
          </cell>
          <cell r="B97" t="str">
            <v>乳製品製造業（処理牛乳、乳飲料を除く）</v>
          </cell>
        </row>
        <row r="98">
          <cell r="A98" t="str">
            <v>0919</v>
          </cell>
          <cell r="B98" t="str">
            <v>その他の畜産食料品製造業</v>
          </cell>
        </row>
        <row r="99">
          <cell r="A99" t="str">
            <v>0921</v>
          </cell>
          <cell r="B99" t="str">
            <v>水産缶詰・瓶詰製造業</v>
          </cell>
        </row>
        <row r="100">
          <cell r="A100" t="str">
            <v>0922</v>
          </cell>
          <cell r="B100" t="str">
            <v>海藻加工業</v>
          </cell>
        </row>
        <row r="101">
          <cell r="A101" t="str">
            <v>0923</v>
          </cell>
          <cell r="B101" t="str">
            <v>水産練製品製造業</v>
          </cell>
        </row>
        <row r="102">
          <cell r="A102" t="str">
            <v>0924</v>
          </cell>
          <cell r="B102" t="str">
            <v>塩干・塩蔵品製造業</v>
          </cell>
        </row>
        <row r="103">
          <cell r="A103" t="str">
            <v>0925</v>
          </cell>
          <cell r="B103" t="str">
            <v>冷凍水産物製造業</v>
          </cell>
        </row>
        <row r="104">
          <cell r="A104" t="str">
            <v>0926</v>
          </cell>
          <cell r="B104" t="str">
            <v>冷凍水産食品製造業</v>
          </cell>
        </row>
        <row r="105">
          <cell r="A105" t="str">
            <v>0929</v>
          </cell>
          <cell r="B105" t="str">
            <v>その他の水産食料品製造業</v>
          </cell>
        </row>
        <row r="106">
          <cell r="A106" t="str">
            <v>0931</v>
          </cell>
          <cell r="B106" t="str">
            <v>野菜缶詰・果実缶詰・農産保存食料品製造業（野菜漬物を除く）</v>
          </cell>
        </row>
        <row r="107">
          <cell r="A107" t="str">
            <v>0932</v>
          </cell>
          <cell r="B107" t="str">
            <v>野菜漬物製造業（缶詰、瓶詰、つぼ詰を除く）</v>
          </cell>
        </row>
        <row r="108">
          <cell r="A108" t="str">
            <v>0941</v>
          </cell>
          <cell r="B108" t="str">
            <v>味そ製造業</v>
          </cell>
        </row>
        <row r="109">
          <cell r="A109" t="str">
            <v>0942</v>
          </cell>
          <cell r="B109" t="str">
            <v>しょう油・食用アミノ酸製造業</v>
          </cell>
        </row>
        <row r="110">
          <cell r="A110" t="str">
            <v>0943</v>
          </cell>
          <cell r="B110" t="str">
            <v>ソース製造業</v>
          </cell>
        </row>
        <row r="111">
          <cell r="A111" t="str">
            <v>0944</v>
          </cell>
          <cell r="B111" t="str">
            <v>食酢製造業</v>
          </cell>
        </row>
        <row r="112">
          <cell r="A112" t="str">
            <v>0949</v>
          </cell>
          <cell r="B112" t="str">
            <v>その他の調味料製造業</v>
          </cell>
        </row>
        <row r="113">
          <cell r="A113" t="str">
            <v>0951</v>
          </cell>
          <cell r="B113" t="str">
            <v>砂糖製造業（砂糖精製業を除く）</v>
          </cell>
        </row>
        <row r="114">
          <cell r="A114" t="str">
            <v>0952</v>
          </cell>
          <cell r="B114" t="str">
            <v>砂糖精製業</v>
          </cell>
        </row>
        <row r="115">
          <cell r="A115" t="str">
            <v>0953</v>
          </cell>
          <cell r="B115" t="str">
            <v>ぶどう糖・水あめ・異性化糖製造業</v>
          </cell>
        </row>
        <row r="116">
          <cell r="A116" t="str">
            <v>0961</v>
          </cell>
          <cell r="B116" t="str">
            <v>精米・精麦業</v>
          </cell>
        </row>
        <row r="117">
          <cell r="A117" t="str">
            <v>0962</v>
          </cell>
          <cell r="B117" t="str">
            <v>小麦粉製造業</v>
          </cell>
        </row>
        <row r="118">
          <cell r="A118" t="str">
            <v>0969</v>
          </cell>
          <cell r="B118" t="str">
            <v>その他の精穀・製粉業</v>
          </cell>
        </row>
        <row r="119">
          <cell r="A119" t="str">
            <v>0971</v>
          </cell>
          <cell r="B119" t="str">
            <v>パン製造業</v>
          </cell>
        </row>
        <row r="120">
          <cell r="A120" t="str">
            <v>0972</v>
          </cell>
          <cell r="B120" t="str">
            <v>生菓子製造業</v>
          </cell>
        </row>
        <row r="121">
          <cell r="A121" t="str">
            <v>0973</v>
          </cell>
          <cell r="B121" t="str">
            <v>ビスケット類・干菓子製造業</v>
          </cell>
        </row>
        <row r="122">
          <cell r="A122" t="str">
            <v>0974</v>
          </cell>
          <cell r="B122" t="str">
            <v>米菓製造業</v>
          </cell>
        </row>
        <row r="123">
          <cell r="A123" t="str">
            <v>0979</v>
          </cell>
          <cell r="B123" t="str">
            <v>その他のパン・菓子製造業</v>
          </cell>
        </row>
        <row r="124">
          <cell r="A124" t="str">
            <v>0981</v>
          </cell>
          <cell r="B124" t="str">
            <v>動植物油脂製造業（食用油脂加工業を除く）</v>
          </cell>
        </row>
        <row r="125">
          <cell r="A125" t="str">
            <v>0982</v>
          </cell>
          <cell r="B125" t="str">
            <v>食用油脂加工業</v>
          </cell>
        </row>
        <row r="126">
          <cell r="A126" t="str">
            <v>0991</v>
          </cell>
          <cell r="B126" t="str">
            <v>でんぷん製造業</v>
          </cell>
        </row>
        <row r="127">
          <cell r="A127" t="str">
            <v>0992</v>
          </cell>
          <cell r="B127" t="str">
            <v>めん類製造業</v>
          </cell>
        </row>
        <row r="128">
          <cell r="A128" t="str">
            <v>0993</v>
          </cell>
          <cell r="B128" t="str">
            <v>豆腐・油揚製造業</v>
          </cell>
        </row>
        <row r="129">
          <cell r="A129" t="str">
            <v>0994</v>
          </cell>
          <cell r="B129" t="str">
            <v>あん類製造業</v>
          </cell>
        </row>
        <row r="130">
          <cell r="A130" t="str">
            <v>0995</v>
          </cell>
          <cell r="B130" t="str">
            <v>冷凍調理食品製造業</v>
          </cell>
        </row>
        <row r="131">
          <cell r="A131" t="str">
            <v>0996</v>
          </cell>
          <cell r="B131" t="str">
            <v>そう（惣）菜製造業</v>
          </cell>
        </row>
        <row r="132">
          <cell r="A132" t="str">
            <v>0997</v>
          </cell>
          <cell r="B132" t="str">
            <v>すし・弁当・調理パン製造業</v>
          </cell>
        </row>
        <row r="133">
          <cell r="A133" t="str">
            <v>0998</v>
          </cell>
          <cell r="B133" t="str">
            <v>レトルト食品製造業</v>
          </cell>
        </row>
        <row r="134">
          <cell r="A134" t="str">
            <v>0999</v>
          </cell>
          <cell r="B134" t="str">
            <v>他に分類されない食料品製造業</v>
          </cell>
        </row>
        <row r="135">
          <cell r="A135" t="str">
            <v>1011</v>
          </cell>
          <cell r="B135" t="str">
            <v>清涼飲料製造業</v>
          </cell>
        </row>
        <row r="136">
          <cell r="A136" t="str">
            <v>1021</v>
          </cell>
          <cell r="B136" t="str">
            <v>果実酒製造業</v>
          </cell>
        </row>
        <row r="137">
          <cell r="A137" t="str">
            <v>1022</v>
          </cell>
          <cell r="B137" t="str">
            <v>ビール類製造業</v>
          </cell>
        </row>
        <row r="138">
          <cell r="A138" t="str">
            <v>1023</v>
          </cell>
          <cell r="B138" t="str">
            <v>清酒製造業</v>
          </cell>
        </row>
        <row r="139">
          <cell r="A139" t="str">
            <v>1024</v>
          </cell>
          <cell r="B139" t="str">
            <v>蒸留酒・混成酒製造業</v>
          </cell>
        </row>
        <row r="140">
          <cell r="A140" t="str">
            <v>1031</v>
          </cell>
          <cell r="B140" t="str">
            <v>製茶業</v>
          </cell>
        </row>
        <row r="141">
          <cell r="A141" t="str">
            <v>1032</v>
          </cell>
          <cell r="B141" t="str">
            <v>コーヒー製造業</v>
          </cell>
        </row>
        <row r="142">
          <cell r="A142" t="str">
            <v>1041</v>
          </cell>
          <cell r="B142" t="str">
            <v>製氷業</v>
          </cell>
        </row>
        <row r="143">
          <cell r="A143" t="str">
            <v>1051</v>
          </cell>
          <cell r="B143" t="str">
            <v>たばこ製造業（葉たばこ処理業を除く）</v>
          </cell>
        </row>
        <row r="144">
          <cell r="A144" t="str">
            <v>1052</v>
          </cell>
          <cell r="B144" t="str">
            <v>葉たばこ処理業</v>
          </cell>
        </row>
        <row r="145">
          <cell r="A145" t="str">
            <v>1061</v>
          </cell>
          <cell r="B145" t="str">
            <v>配合飼料製造業</v>
          </cell>
        </row>
        <row r="146">
          <cell r="A146" t="str">
            <v>1062</v>
          </cell>
          <cell r="B146" t="str">
            <v>単体飼料製造業</v>
          </cell>
        </row>
        <row r="147">
          <cell r="A147" t="str">
            <v>1063</v>
          </cell>
          <cell r="B147" t="str">
            <v>有機質肥料製造業</v>
          </cell>
        </row>
        <row r="148">
          <cell r="A148" t="str">
            <v>1111</v>
          </cell>
          <cell r="B148" t="str">
            <v>製糸業</v>
          </cell>
        </row>
        <row r="149">
          <cell r="A149" t="str">
            <v>1112</v>
          </cell>
          <cell r="B149" t="str">
            <v>化学繊維製造業</v>
          </cell>
        </row>
        <row r="150">
          <cell r="A150" t="str">
            <v>1113</v>
          </cell>
          <cell r="B150" t="str">
            <v>炭素繊維製造業</v>
          </cell>
        </row>
        <row r="151">
          <cell r="A151" t="str">
            <v>1114</v>
          </cell>
          <cell r="B151" t="str">
            <v>綿紡績業</v>
          </cell>
        </row>
        <row r="152">
          <cell r="A152" t="str">
            <v>1115</v>
          </cell>
          <cell r="B152" t="str">
            <v>化学繊維紡績業</v>
          </cell>
        </row>
        <row r="153">
          <cell r="A153" t="str">
            <v>1116</v>
          </cell>
          <cell r="B153" t="str">
            <v>毛紡績業</v>
          </cell>
        </row>
        <row r="154">
          <cell r="A154" t="str">
            <v>1117</v>
          </cell>
          <cell r="B154" t="str">
            <v>ねん糸製造業（かさ高加工糸を除く）</v>
          </cell>
        </row>
        <row r="155">
          <cell r="A155" t="str">
            <v>1118</v>
          </cell>
          <cell r="B155" t="str">
            <v>かさ高加工糸製造業</v>
          </cell>
        </row>
        <row r="156">
          <cell r="A156" t="str">
            <v>1119</v>
          </cell>
          <cell r="B156" t="str">
            <v>その他の紡績業</v>
          </cell>
        </row>
        <row r="157">
          <cell r="A157" t="str">
            <v>1121</v>
          </cell>
          <cell r="B157" t="str">
            <v>綿・スフ織物業</v>
          </cell>
        </row>
        <row r="158">
          <cell r="A158" t="str">
            <v>1122</v>
          </cell>
          <cell r="B158" t="str">
            <v>絹・人絹織物業</v>
          </cell>
        </row>
        <row r="159">
          <cell r="A159" t="str">
            <v>1123</v>
          </cell>
          <cell r="B159" t="str">
            <v>毛織物業</v>
          </cell>
        </row>
        <row r="160">
          <cell r="A160" t="str">
            <v>1124</v>
          </cell>
          <cell r="B160" t="str">
            <v>麻織物業</v>
          </cell>
        </row>
        <row r="161">
          <cell r="A161" t="str">
            <v>1125</v>
          </cell>
          <cell r="B161" t="str">
            <v>細幅織物業</v>
          </cell>
        </row>
        <row r="162">
          <cell r="A162" t="str">
            <v>1129</v>
          </cell>
          <cell r="B162" t="str">
            <v>その他の織物業</v>
          </cell>
        </row>
        <row r="163">
          <cell r="A163" t="str">
            <v>1131</v>
          </cell>
          <cell r="B163" t="str">
            <v>丸編ニット生地製造業</v>
          </cell>
        </row>
        <row r="164">
          <cell r="A164" t="str">
            <v>1132</v>
          </cell>
          <cell r="B164" t="str">
            <v>たて編ニット生地製造業</v>
          </cell>
        </row>
        <row r="165">
          <cell r="A165" t="str">
            <v>1133</v>
          </cell>
          <cell r="B165" t="str">
            <v>横編ニット生地製造業</v>
          </cell>
        </row>
        <row r="166">
          <cell r="A166" t="str">
            <v>1141</v>
          </cell>
          <cell r="B166" t="str">
            <v>綿・スフ・麻織物機械染色業</v>
          </cell>
        </row>
        <row r="167">
          <cell r="A167" t="str">
            <v>1142</v>
          </cell>
          <cell r="B167" t="str">
            <v>絹・人絹織物機械染色業</v>
          </cell>
        </row>
        <row r="168">
          <cell r="A168" t="str">
            <v>1143</v>
          </cell>
          <cell r="B168" t="str">
            <v>毛織物機械染色整理業</v>
          </cell>
        </row>
        <row r="169">
          <cell r="A169" t="str">
            <v>1144</v>
          </cell>
          <cell r="B169" t="str">
            <v>織物整理業</v>
          </cell>
        </row>
        <row r="170">
          <cell r="A170" t="str">
            <v>1145</v>
          </cell>
          <cell r="B170" t="str">
            <v>織物手加工染色整理業</v>
          </cell>
        </row>
        <row r="171">
          <cell r="A171" t="str">
            <v>1146</v>
          </cell>
          <cell r="B171" t="str">
            <v>綿状繊維・糸染色整理業</v>
          </cell>
        </row>
        <row r="172">
          <cell r="A172" t="str">
            <v>1147</v>
          </cell>
          <cell r="B172" t="str">
            <v>ニット・レース染色整理業</v>
          </cell>
        </row>
        <row r="173">
          <cell r="A173" t="str">
            <v>1148</v>
          </cell>
          <cell r="B173" t="str">
            <v>繊維雑品染色整理業</v>
          </cell>
        </row>
        <row r="174">
          <cell r="A174" t="str">
            <v>1151</v>
          </cell>
          <cell r="B174" t="str">
            <v>綱製造業</v>
          </cell>
        </row>
        <row r="175">
          <cell r="A175" t="str">
            <v>1152</v>
          </cell>
          <cell r="B175" t="str">
            <v>漁網製造業</v>
          </cell>
        </row>
        <row r="176">
          <cell r="A176" t="str">
            <v>1153</v>
          </cell>
          <cell r="B176" t="str">
            <v>網地製造業（漁網を除く）</v>
          </cell>
        </row>
        <row r="177">
          <cell r="A177" t="str">
            <v>1154</v>
          </cell>
          <cell r="B177" t="str">
            <v>レース製造業</v>
          </cell>
        </row>
        <row r="178">
          <cell r="A178" t="str">
            <v>1155</v>
          </cell>
          <cell r="B178" t="str">
            <v>組ひも製造業</v>
          </cell>
        </row>
        <row r="179">
          <cell r="A179" t="str">
            <v>1156</v>
          </cell>
          <cell r="B179" t="str">
            <v>整毛業</v>
          </cell>
        </row>
        <row r="180">
          <cell r="A180" t="str">
            <v>1157</v>
          </cell>
          <cell r="B180" t="str">
            <v>フェルト・不織布製造業</v>
          </cell>
        </row>
        <row r="181">
          <cell r="A181" t="str">
            <v>1158</v>
          </cell>
          <cell r="B181" t="str">
            <v>上塗りした織物・防水した織物製造業</v>
          </cell>
        </row>
        <row r="182">
          <cell r="A182" t="str">
            <v>1159</v>
          </cell>
          <cell r="B182" t="str">
            <v>その他の繊維粗製品製造業</v>
          </cell>
        </row>
        <row r="183">
          <cell r="A183" t="str">
            <v>1161</v>
          </cell>
          <cell r="B183" t="str">
            <v>織物製成人男子・少年服製造業（不織布製及びレース製を含む）</v>
          </cell>
        </row>
        <row r="184">
          <cell r="A184" t="str">
            <v>1162</v>
          </cell>
          <cell r="B184" t="str">
            <v>織物製成人女子・少女服製造業（不織布製及びレース製を含む）</v>
          </cell>
        </row>
        <row r="185">
          <cell r="A185" t="str">
            <v>1163</v>
          </cell>
          <cell r="B185" t="str">
            <v>織物製乳幼児服製造業（不織布製及びレース製を含む）</v>
          </cell>
        </row>
        <row r="186">
          <cell r="A186" t="str">
            <v>1164</v>
          </cell>
          <cell r="B186" t="str">
            <v>織物製シャツ製造業（不織布製及びレース製を含み、下着を除く）</v>
          </cell>
        </row>
        <row r="187">
          <cell r="A187" t="str">
            <v>1165</v>
          </cell>
          <cell r="B187" t="str">
            <v>織物製事務用・作業用・衛生用・スポーツ用衣服・学校服製造業（不織布製及びレース製を含む）</v>
          </cell>
        </row>
        <row r="188">
          <cell r="A188" t="str">
            <v>1166</v>
          </cell>
          <cell r="B188" t="str">
            <v>ニット製外衣製造業（アウターシャツ類、セーター類などを除く）</v>
          </cell>
        </row>
        <row r="189">
          <cell r="A189" t="str">
            <v>1167</v>
          </cell>
          <cell r="B189" t="str">
            <v>ニット製アウターシャツ類製造業</v>
          </cell>
        </row>
        <row r="190">
          <cell r="A190" t="str">
            <v>1168</v>
          </cell>
          <cell r="B190" t="str">
            <v>セーター類製造業</v>
          </cell>
        </row>
        <row r="191">
          <cell r="A191" t="str">
            <v>1169</v>
          </cell>
          <cell r="B191" t="str">
            <v>その他の外衣・シャツ製造業</v>
          </cell>
        </row>
        <row r="192">
          <cell r="A192" t="str">
            <v>1171</v>
          </cell>
          <cell r="B192" t="str">
            <v>織物製下着製造業</v>
          </cell>
        </row>
        <row r="193">
          <cell r="A193" t="str">
            <v>1172</v>
          </cell>
          <cell r="B193" t="str">
            <v>ニット製下着製造業</v>
          </cell>
        </row>
        <row r="194">
          <cell r="A194" t="str">
            <v>1173</v>
          </cell>
          <cell r="B194" t="str">
            <v>織物製・ニット製寝着類製造業</v>
          </cell>
        </row>
        <row r="195">
          <cell r="A195" t="str">
            <v>1174</v>
          </cell>
          <cell r="B195" t="str">
            <v>補整着製造業</v>
          </cell>
        </row>
        <row r="196">
          <cell r="A196" t="str">
            <v>1181</v>
          </cell>
          <cell r="B196" t="str">
            <v>和装製品製造業（足袋を含む）</v>
          </cell>
        </row>
        <row r="197">
          <cell r="A197" t="str">
            <v>1182</v>
          </cell>
          <cell r="B197" t="str">
            <v>ネクタイ製造業</v>
          </cell>
        </row>
        <row r="198">
          <cell r="A198" t="str">
            <v>1183</v>
          </cell>
          <cell r="B198" t="str">
            <v>スカーフ・マフラー・ハンカチーフ製造業</v>
          </cell>
        </row>
        <row r="199">
          <cell r="A199" t="str">
            <v>1184</v>
          </cell>
          <cell r="B199" t="str">
            <v>靴下製造業</v>
          </cell>
        </row>
        <row r="200">
          <cell r="A200" t="str">
            <v>1185</v>
          </cell>
          <cell r="B200" t="str">
            <v>手袋製造業</v>
          </cell>
        </row>
        <row r="201">
          <cell r="A201" t="str">
            <v>1186</v>
          </cell>
          <cell r="B201" t="str">
            <v>帽子製造業（帽体を含む）</v>
          </cell>
        </row>
        <row r="202">
          <cell r="A202" t="str">
            <v>1189</v>
          </cell>
          <cell r="B202" t="str">
            <v>他に分類されない衣服・繊維製身の回り品製造業</v>
          </cell>
        </row>
        <row r="203">
          <cell r="A203" t="str">
            <v>1191</v>
          </cell>
          <cell r="B203" t="str">
            <v>寝具製造業</v>
          </cell>
        </row>
        <row r="204">
          <cell r="A204" t="str">
            <v>1192</v>
          </cell>
          <cell r="B204" t="str">
            <v>毛布製造業</v>
          </cell>
        </row>
        <row r="205">
          <cell r="A205" t="str">
            <v>1193</v>
          </cell>
          <cell r="B205" t="str">
            <v>じゅうたん・その他の繊維製床敷物製造業</v>
          </cell>
        </row>
        <row r="206">
          <cell r="A206" t="str">
            <v>1194</v>
          </cell>
          <cell r="B206" t="str">
            <v>帆布製品製造業</v>
          </cell>
        </row>
        <row r="207">
          <cell r="A207" t="str">
            <v>1195</v>
          </cell>
          <cell r="B207" t="str">
            <v>繊維製袋製造業</v>
          </cell>
        </row>
        <row r="208">
          <cell r="A208" t="str">
            <v>1196</v>
          </cell>
          <cell r="B208" t="str">
            <v>刺しゅう業</v>
          </cell>
        </row>
        <row r="209">
          <cell r="A209" t="str">
            <v>1197</v>
          </cell>
          <cell r="B209" t="str">
            <v>タオル製造業</v>
          </cell>
        </row>
        <row r="210">
          <cell r="A210" t="str">
            <v>1198</v>
          </cell>
          <cell r="B210" t="str">
            <v>繊維製衛生材料製造業</v>
          </cell>
        </row>
        <row r="211">
          <cell r="A211" t="str">
            <v>1199</v>
          </cell>
          <cell r="B211" t="str">
            <v>他に分類されない繊維製品製造業</v>
          </cell>
        </row>
        <row r="212">
          <cell r="A212" t="str">
            <v>1211</v>
          </cell>
          <cell r="B212" t="str">
            <v>一般製材業</v>
          </cell>
        </row>
        <row r="213">
          <cell r="A213" t="str">
            <v>1212</v>
          </cell>
          <cell r="B213" t="str">
            <v>単板（ベニヤ）製造業</v>
          </cell>
        </row>
        <row r="214">
          <cell r="A214" t="str">
            <v>1213</v>
          </cell>
          <cell r="B214" t="str">
            <v>木材チップ製造業</v>
          </cell>
        </row>
        <row r="215">
          <cell r="A215" t="str">
            <v>1219</v>
          </cell>
          <cell r="B215" t="str">
            <v>その他の特殊製材業</v>
          </cell>
        </row>
        <row r="216">
          <cell r="A216" t="str">
            <v>1221</v>
          </cell>
          <cell r="B216" t="str">
            <v>造作材製造業（建具を除く）</v>
          </cell>
        </row>
        <row r="217">
          <cell r="A217" t="str">
            <v>1222</v>
          </cell>
          <cell r="B217" t="str">
            <v>合板製造業</v>
          </cell>
        </row>
        <row r="218">
          <cell r="A218" t="str">
            <v>1223</v>
          </cell>
          <cell r="B218" t="str">
            <v>集成材製造業</v>
          </cell>
        </row>
        <row r="219">
          <cell r="A219" t="str">
            <v>1224</v>
          </cell>
          <cell r="B219" t="str">
            <v>建築用木製組立材料製造業</v>
          </cell>
        </row>
        <row r="220">
          <cell r="A220" t="str">
            <v>1225</v>
          </cell>
          <cell r="B220" t="str">
            <v>パーティクルボード製造業</v>
          </cell>
        </row>
        <row r="221">
          <cell r="A221" t="str">
            <v>1226</v>
          </cell>
          <cell r="B221" t="str">
            <v>繊維板製造業</v>
          </cell>
        </row>
        <row r="222">
          <cell r="A222" t="str">
            <v>1227</v>
          </cell>
          <cell r="B222" t="str">
            <v>銘木製造業</v>
          </cell>
        </row>
        <row r="223">
          <cell r="A223" t="str">
            <v>1228</v>
          </cell>
          <cell r="B223" t="str">
            <v>床板製造業</v>
          </cell>
        </row>
        <row r="224">
          <cell r="A224" t="str">
            <v>1231</v>
          </cell>
          <cell r="B224" t="str">
            <v>竹・とう・きりゅう等容器製造業</v>
          </cell>
        </row>
        <row r="225">
          <cell r="A225" t="str">
            <v>1232</v>
          </cell>
          <cell r="B225" t="str">
            <v>木箱製造業</v>
          </cell>
        </row>
        <row r="226">
          <cell r="A226" t="str">
            <v>1233</v>
          </cell>
          <cell r="B226" t="str">
            <v>たる・おけ製造業</v>
          </cell>
        </row>
        <row r="227">
          <cell r="A227" t="str">
            <v>1291</v>
          </cell>
          <cell r="B227" t="str">
            <v>木材薬品処理業</v>
          </cell>
        </row>
        <row r="228">
          <cell r="A228" t="str">
            <v>1292</v>
          </cell>
          <cell r="B228" t="str">
            <v>コルク加工基礎資材・コルク製品製造業</v>
          </cell>
        </row>
        <row r="229">
          <cell r="A229" t="str">
            <v>1299</v>
          </cell>
          <cell r="B229" t="str">
            <v>他に分類されない木製品製造業（竹、とうを含む）</v>
          </cell>
        </row>
        <row r="230">
          <cell r="A230" t="str">
            <v>1311</v>
          </cell>
          <cell r="B230" t="str">
            <v>木製家具製造業（漆塗りを除く）</v>
          </cell>
        </row>
        <row r="231">
          <cell r="A231" t="str">
            <v>1312</v>
          </cell>
          <cell r="B231" t="str">
            <v>金属製家具製造業</v>
          </cell>
        </row>
        <row r="232">
          <cell r="A232" t="str">
            <v>1313</v>
          </cell>
          <cell r="B232" t="str">
            <v>マットレス・組スプリング製造業</v>
          </cell>
        </row>
        <row r="233">
          <cell r="A233" t="str">
            <v>1321</v>
          </cell>
          <cell r="B233" t="str">
            <v>宗教用具製造業</v>
          </cell>
        </row>
        <row r="234">
          <cell r="A234" t="str">
            <v>1331</v>
          </cell>
          <cell r="B234" t="str">
            <v>建具製造業</v>
          </cell>
        </row>
        <row r="235">
          <cell r="A235" t="str">
            <v>1391</v>
          </cell>
          <cell r="B235" t="str">
            <v>事務所用・店舗用装備品製造業</v>
          </cell>
        </row>
        <row r="236">
          <cell r="A236" t="str">
            <v>1392</v>
          </cell>
          <cell r="B236" t="str">
            <v>窓用・扉用日よけ、日本びょうぶ等製造業</v>
          </cell>
        </row>
        <row r="237">
          <cell r="A237" t="str">
            <v>1393</v>
          </cell>
          <cell r="B237" t="str">
            <v>鏡縁・額縁製造業</v>
          </cell>
        </row>
        <row r="238">
          <cell r="A238" t="str">
            <v>1399</v>
          </cell>
          <cell r="B238" t="str">
            <v>他に分類されない家具・装備品製造業</v>
          </cell>
        </row>
        <row r="239">
          <cell r="A239" t="str">
            <v>1411</v>
          </cell>
          <cell r="B239" t="str">
            <v>パルプ製造業</v>
          </cell>
        </row>
        <row r="240">
          <cell r="A240" t="str">
            <v>1421</v>
          </cell>
          <cell r="B240" t="str">
            <v>洋紙製造業</v>
          </cell>
        </row>
        <row r="241">
          <cell r="A241" t="str">
            <v>1422</v>
          </cell>
          <cell r="B241" t="str">
            <v>板紙製造業</v>
          </cell>
        </row>
        <row r="242">
          <cell r="A242" t="str">
            <v>1423</v>
          </cell>
          <cell r="B242" t="str">
            <v>機械すき和紙製造業</v>
          </cell>
        </row>
        <row r="243">
          <cell r="A243" t="str">
            <v>1424</v>
          </cell>
          <cell r="B243" t="str">
            <v>手すき和紙製造業</v>
          </cell>
        </row>
        <row r="244">
          <cell r="A244" t="str">
            <v>1431</v>
          </cell>
          <cell r="B244" t="str">
            <v>塗工紙製造業（印刷用紙を除く）</v>
          </cell>
        </row>
        <row r="245">
          <cell r="A245" t="str">
            <v>1432</v>
          </cell>
          <cell r="B245" t="str">
            <v>段ボール製造業</v>
          </cell>
        </row>
        <row r="246">
          <cell r="A246" t="str">
            <v>1433</v>
          </cell>
          <cell r="B246" t="str">
            <v>壁紙・ふすま紙製造業</v>
          </cell>
        </row>
        <row r="247">
          <cell r="A247" t="str">
            <v>1441</v>
          </cell>
          <cell r="B247" t="str">
            <v>事務用・学用紙製品製造業</v>
          </cell>
        </row>
        <row r="248">
          <cell r="A248" t="str">
            <v>1442</v>
          </cell>
          <cell r="B248" t="str">
            <v>日用紙製品製造業</v>
          </cell>
        </row>
        <row r="249">
          <cell r="A249" t="str">
            <v>1449</v>
          </cell>
          <cell r="B249" t="str">
            <v>その他の紙製品製造業</v>
          </cell>
        </row>
        <row r="250">
          <cell r="A250" t="str">
            <v>1451</v>
          </cell>
          <cell r="B250" t="str">
            <v>重包装紙袋製造業</v>
          </cell>
        </row>
        <row r="251">
          <cell r="A251" t="str">
            <v>1452</v>
          </cell>
          <cell r="B251" t="str">
            <v>角底紙袋製造業</v>
          </cell>
        </row>
        <row r="252">
          <cell r="A252" t="str">
            <v>1453</v>
          </cell>
          <cell r="B252" t="str">
            <v>段ボール箱製造業</v>
          </cell>
        </row>
        <row r="253">
          <cell r="A253" t="str">
            <v>1454</v>
          </cell>
          <cell r="B253" t="str">
            <v>紙器製造業</v>
          </cell>
        </row>
        <row r="254">
          <cell r="A254" t="str">
            <v>1499</v>
          </cell>
          <cell r="B254" t="str">
            <v>その他のパルプ・紙・紙加工品製造業</v>
          </cell>
        </row>
        <row r="255">
          <cell r="A255" t="str">
            <v>1511</v>
          </cell>
          <cell r="B255" t="str">
            <v>オフセット印刷業（紙に対するもの）</v>
          </cell>
        </row>
        <row r="256">
          <cell r="A256" t="str">
            <v>1512</v>
          </cell>
          <cell r="B256" t="str">
            <v>オフセット印刷以外の印刷業（紙に対するもの）</v>
          </cell>
        </row>
        <row r="257">
          <cell r="A257" t="str">
            <v>1513</v>
          </cell>
          <cell r="B257" t="str">
            <v>紙以外の印刷業</v>
          </cell>
        </row>
        <row r="258">
          <cell r="A258" t="str">
            <v>1521</v>
          </cell>
          <cell r="B258" t="str">
            <v>製版業</v>
          </cell>
        </row>
        <row r="259">
          <cell r="A259" t="str">
            <v>1531</v>
          </cell>
          <cell r="B259" t="str">
            <v>製本業</v>
          </cell>
        </row>
        <row r="260">
          <cell r="A260" t="str">
            <v>1532</v>
          </cell>
          <cell r="B260" t="str">
            <v>印刷物加工業</v>
          </cell>
        </row>
        <row r="261">
          <cell r="A261" t="str">
            <v>1591</v>
          </cell>
          <cell r="B261" t="str">
            <v>印刷関連サービス業</v>
          </cell>
        </row>
        <row r="262">
          <cell r="A262" t="str">
            <v>1611</v>
          </cell>
          <cell r="B262" t="str">
            <v>窒素質・りん酸質肥料製造業</v>
          </cell>
        </row>
        <row r="263">
          <cell r="A263" t="str">
            <v>1612</v>
          </cell>
          <cell r="B263" t="str">
            <v>複合肥料製造業</v>
          </cell>
        </row>
        <row r="264">
          <cell r="A264" t="str">
            <v>1619</v>
          </cell>
          <cell r="B264" t="str">
            <v>その他の化学肥料製造業</v>
          </cell>
        </row>
        <row r="265">
          <cell r="A265" t="str">
            <v>1621</v>
          </cell>
          <cell r="B265" t="str">
            <v>ソーダ工業</v>
          </cell>
        </row>
        <row r="266">
          <cell r="A266" t="str">
            <v>1622</v>
          </cell>
          <cell r="B266" t="str">
            <v>無機顔料製造業</v>
          </cell>
        </row>
        <row r="267">
          <cell r="A267" t="str">
            <v>1623</v>
          </cell>
          <cell r="B267" t="str">
            <v>圧縮ガス・液化ガス製造業</v>
          </cell>
        </row>
        <row r="268">
          <cell r="A268" t="str">
            <v>1624</v>
          </cell>
          <cell r="B268" t="str">
            <v>塩製造業</v>
          </cell>
        </row>
        <row r="269">
          <cell r="A269" t="str">
            <v>1629</v>
          </cell>
          <cell r="B269" t="str">
            <v>その他の無機化学工業製品製造業</v>
          </cell>
        </row>
        <row r="270">
          <cell r="A270" t="str">
            <v>1631</v>
          </cell>
          <cell r="B270" t="str">
            <v>石油化学系基礎製品製造業（一貫して生産される誘導品を含む）</v>
          </cell>
        </row>
        <row r="271">
          <cell r="A271" t="str">
            <v>1632</v>
          </cell>
          <cell r="B271" t="str">
            <v>脂肪族系中間物製造業（脂肪族系溶剤を含む）</v>
          </cell>
        </row>
        <row r="272">
          <cell r="A272" t="str">
            <v>1633</v>
          </cell>
          <cell r="B272" t="str">
            <v>発酵工業</v>
          </cell>
        </row>
        <row r="273">
          <cell r="A273" t="str">
            <v>1634</v>
          </cell>
          <cell r="B273" t="str">
            <v>環式中間物・合成染料・有機顔料製造業</v>
          </cell>
        </row>
        <row r="274">
          <cell r="A274" t="str">
            <v>1635</v>
          </cell>
          <cell r="B274" t="str">
            <v>プラスチック製造業</v>
          </cell>
        </row>
        <row r="275">
          <cell r="A275" t="str">
            <v>1636</v>
          </cell>
          <cell r="B275" t="str">
            <v>合成ゴム製造業</v>
          </cell>
        </row>
        <row r="276">
          <cell r="A276" t="str">
            <v>1639</v>
          </cell>
          <cell r="B276" t="str">
            <v>その他の有機化学工業製品製造業</v>
          </cell>
        </row>
        <row r="277">
          <cell r="A277" t="str">
            <v>1641</v>
          </cell>
          <cell r="B277" t="str">
            <v>脂肪酸・硬化油・グリセリン製造業</v>
          </cell>
        </row>
        <row r="278">
          <cell r="A278" t="str">
            <v>1642</v>
          </cell>
          <cell r="B278" t="str">
            <v>石けん・合成洗剤製造業</v>
          </cell>
        </row>
        <row r="279">
          <cell r="A279" t="str">
            <v>1643</v>
          </cell>
          <cell r="B279" t="str">
            <v>界面活性剤製造業（石けん、合成洗剤を除く）</v>
          </cell>
        </row>
        <row r="280">
          <cell r="A280" t="str">
            <v>1644</v>
          </cell>
          <cell r="B280" t="str">
            <v>塗料製造業</v>
          </cell>
        </row>
        <row r="281">
          <cell r="A281" t="str">
            <v>1645</v>
          </cell>
          <cell r="B281" t="str">
            <v>印刷インキ製造業</v>
          </cell>
        </row>
        <row r="282">
          <cell r="A282" t="str">
            <v>1646</v>
          </cell>
          <cell r="B282" t="str">
            <v>洗浄剤・磨用剤製造業</v>
          </cell>
        </row>
        <row r="283">
          <cell r="A283" t="str">
            <v>1647</v>
          </cell>
          <cell r="B283" t="str">
            <v>ろうそく製造業</v>
          </cell>
        </row>
        <row r="284">
          <cell r="A284" t="str">
            <v>1651</v>
          </cell>
          <cell r="B284" t="str">
            <v>医薬品原薬製造業</v>
          </cell>
        </row>
        <row r="285">
          <cell r="A285" t="str">
            <v>1652</v>
          </cell>
          <cell r="B285" t="str">
            <v>医薬品製剤製造業</v>
          </cell>
        </row>
        <row r="286">
          <cell r="A286" t="str">
            <v>1653</v>
          </cell>
          <cell r="B286" t="str">
            <v>生物学的製剤製造業</v>
          </cell>
        </row>
        <row r="287">
          <cell r="A287" t="str">
            <v>1654</v>
          </cell>
          <cell r="B287" t="str">
            <v>生薬・漢方製剤製造業</v>
          </cell>
        </row>
        <row r="288">
          <cell r="A288" t="str">
            <v>1655</v>
          </cell>
          <cell r="B288" t="str">
            <v>動物用医薬品製造業</v>
          </cell>
        </row>
        <row r="289">
          <cell r="A289" t="str">
            <v>1661</v>
          </cell>
          <cell r="B289" t="str">
            <v>仕上用・皮膚用化粧品製造業（香水、オーデコロンを含む）</v>
          </cell>
        </row>
        <row r="290">
          <cell r="A290" t="str">
            <v>1662</v>
          </cell>
          <cell r="B290" t="str">
            <v>頭髪用化粧品製造業</v>
          </cell>
        </row>
        <row r="291">
          <cell r="A291" t="str">
            <v>1669</v>
          </cell>
          <cell r="B291" t="str">
            <v>その他の化粧品・歯磨・化粧用調整品製造業</v>
          </cell>
        </row>
        <row r="292">
          <cell r="A292" t="str">
            <v>1691</v>
          </cell>
          <cell r="B292" t="str">
            <v>火薬類製造業</v>
          </cell>
        </row>
        <row r="293">
          <cell r="A293" t="str">
            <v>1692</v>
          </cell>
          <cell r="B293" t="str">
            <v>農薬製造業</v>
          </cell>
        </row>
        <row r="294">
          <cell r="A294" t="str">
            <v>1693</v>
          </cell>
          <cell r="B294" t="str">
            <v>香料製造業</v>
          </cell>
        </row>
        <row r="295">
          <cell r="A295" t="str">
            <v>1694</v>
          </cell>
          <cell r="B295" t="str">
            <v>ゼラチン・接着剤製造業</v>
          </cell>
        </row>
        <row r="296">
          <cell r="A296" t="str">
            <v>1695</v>
          </cell>
          <cell r="B296" t="str">
            <v>写真感光材料製造業</v>
          </cell>
        </row>
        <row r="297">
          <cell r="A297" t="str">
            <v>1696</v>
          </cell>
          <cell r="B297" t="str">
            <v>天然樹脂製品・木材化学製品製造業</v>
          </cell>
        </row>
        <row r="298">
          <cell r="A298" t="str">
            <v>1697</v>
          </cell>
          <cell r="B298" t="str">
            <v>試薬製造業</v>
          </cell>
        </row>
        <row r="299">
          <cell r="A299" t="str">
            <v>1699</v>
          </cell>
          <cell r="B299" t="str">
            <v>他に分類されない化学工業製品製造業</v>
          </cell>
        </row>
        <row r="300">
          <cell r="A300" t="str">
            <v>1711</v>
          </cell>
          <cell r="B300" t="str">
            <v>石油精製業</v>
          </cell>
        </row>
        <row r="301">
          <cell r="A301" t="str">
            <v>1721</v>
          </cell>
          <cell r="B301" t="str">
            <v>潤滑油・グリース製造業（石油精製業によらないもの）</v>
          </cell>
        </row>
        <row r="302">
          <cell r="A302" t="str">
            <v>1731</v>
          </cell>
          <cell r="B302" t="str">
            <v>コークス製造業</v>
          </cell>
        </row>
        <row r="303">
          <cell r="A303" t="str">
            <v>1741</v>
          </cell>
          <cell r="B303" t="str">
            <v>舗装材料製造業</v>
          </cell>
        </row>
        <row r="304">
          <cell r="A304" t="str">
            <v>1799</v>
          </cell>
          <cell r="B304" t="str">
            <v>その他の石油製品・石炭製品製造業</v>
          </cell>
        </row>
        <row r="305">
          <cell r="A305" t="str">
            <v>1811</v>
          </cell>
          <cell r="B305" t="str">
            <v>プラスチック板・棒製造業</v>
          </cell>
        </row>
        <row r="306">
          <cell r="A306" t="str">
            <v>1812</v>
          </cell>
          <cell r="B306" t="str">
            <v>プラスチック管製造業</v>
          </cell>
        </row>
        <row r="307">
          <cell r="A307" t="str">
            <v>1813</v>
          </cell>
          <cell r="B307" t="str">
            <v>プラスチック継手製造業</v>
          </cell>
        </row>
        <row r="308">
          <cell r="A308" t="str">
            <v>1814</v>
          </cell>
          <cell r="B308" t="str">
            <v>プラスチック異形押出製品製造業</v>
          </cell>
        </row>
        <row r="309">
          <cell r="A309" t="str">
            <v>1815</v>
          </cell>
          <cell r="B309" t="str">
            <v>プラスチック板・棒・管・継手・異形押出製品加工業</v>
          </cell>
        </row>
        <row r="310">
          <cell r="A310" t="str">
            <v>1821</v>
          </cell>
          <cell r="B310" t="str">
            <v>プラスチックフィルム製造業</v>
          </cell>
        </row>
        <row r="311">
          <cell r="A311" t="str">
            <v>1822</v>
          </cell>
          <cell r="B311" t="str">
            <v>プラスチックシート製造業</v>
          </cell>
        </row>
        <row r="312">
          <cell r="A312" t="str">
            <v>1823</v>
          </cell>
          <cell r="B312" t="str">
            <v>プラスチック床材製造業</v>
          </cell>
        </row>
        <row r="313">
          <cell r="A313" t="str">
            <v>1824</v>
          </cell>
          <cell r="B313" t="str">
            <v>合成皮革製造業</v>
          </cell>
        </row>
        <row r="314">
          <cell r="A314" t="str">
            <v>1825</v>
          </cell>
          <cell r="B314" t="str">
            <v>プラスチックフィルム・シート・床材・合成皮革加工業</v>
          </cell>
        </row>
        <row r="315">
          <cell r="A315" t="str">
            <v>1831</v>
          </cell>
          <cell r="B315" t="str">
            <v>電気機械器具用プラスチック製品製造業（加工業を除く）</v>
          </cell>
        </row>
        <row r="316">
          <cell r="A316" t="str">
            <v>1832</v>
          </cell>
          <cell r="B316" t="str">
            <v>輸送機械器具用プラスチック製品製造業（加工業を除く）</v>
          </cell>
        </row>
        <row r="317">
          <cell r="A317" t="str">
            <v>1833</v>
          </cell>
          <cell r="B317" t="str">
            <v>その他の工業用プラスチック製品製造業（加工業を除く）</v>
          </cell>
        </row>
        <row r="318">
          <cell r="A318" t="str">
            <v>1834</v>
          </cell>
          <cell r="B318" t="str">
            <v>工業用プラスチック製品加工業</v>
          </cell>
        </row>
        <row r="319">
          <cell r="A319" t="str">
            <v>1841</v>
          </cell>
          <cell r="B319" t="str">
            <v>軟質プラスチック発泡製品製造業（半硬質性を含む）</v>
          </cell>
        </row>
        <row r="320">
          <cell r="A320" t="str">
            <v>1842</v>
          </cell>
          <cell r="B320" t="str">
            <v>硬質プラスチック発泡製品製造業</v>
          </cell>
        </row>
        <row r="321">
          <cell r="A321" t="str">
            <v>1843</v>
          </cell>
          <cell r="B321" t="str">
            <v>強化プラスチック製板・棒・管・継手製造業</v>
          </cell>
        </row>
        <row r="322">
          <cell r="A322" t="str">
            <v>1844</v>
          </cell>
          <cell r="B322" t="str">
            <v>強化プラスチック製容器・浴槽等製造業</v>
          </cell>
        </row>
        <row r="323">
          <cell r="A323" t="str">
            <v>1845</v>
          </cell>
          <cell r="B323" t="str">
            <v>発泡・強化プラスチック製品加工業</v>
          </cell>
        </row>
        <row r="324">
          <cell r="A324" t="str">
            <v>1851</v>
          </cell>
          <cell r="B324" t="str">
            <v>プラスチック成形材料製造業</v>
          </cell>
        </row>
        <row r="325">
          <cell r="A325" t="str">
            <v>1852</v>
          </cell>
          <cell r="B325" t="str">
            <v>廃プラスチック製品製造業</v>
          </cell>
        </row>
        <row r="326">
          <cell r="A326" t="str">
            <v>1891</v>
          </cell>
          <cell r="B326" t="str">
            <v>プラスチック製日用雑貨・食卓用品製造業</v>
          </cell>
        </row>
        <row r="327">
          <cell r="A327" t="str">
            <v>1892</v>
          </cell>
          <cell r="B327" t="str">
            <v>プラスチック製容器製造業</v>
          </cell>
        </row>
        <row r="328">
          <cell r="A328" t="str">
            <v>1897</v>
          </cell>
          <cell r="B328" t="str">
            <v>他に分類されないプラスチック製品製造業</v>
          </cell>
        </row>
        <row r="329">
          <cell r="A329" t="str">
            <v>1898</v>
          </cell>
          <cell r="B329" t="str">
            <v>他に分類されないプラスチック製品加工業</v>
          </cell>
        </row>
        <row r="330">
          <cell r="A330" t="str">
            <v>1911</v>
          </cell>
          <cell r="B330" t="str">
            <v>自動車タイヤ・チューブ製造業</v>
          </cell>
        </row>
        <row r="331">
          <cell r="A331" t="str">
            <v>1919</v>
          </cell>
          <cell r="B331" t="str">
            <v>その他のタイヤ・チューブ製造業</v>
          </cell>
        </row>
        <row r="332">
          <cell r="A332" t="str">
            <v>1921</v>
          </cell>
          <cell r="B332" t="str">
            <v>ゴム製履物・同附属品製造業</v>
          </cell>
        </row>
        <row r="333">
          <cell r="A333" t="str">
            <v>1922</v>
          </cell>
          <cell r="B333" t="str">
            <v>プラスチック製履物・同附属品製造業</v>
          </cell>
        </row>
        <row r="334">
          <cell r="A334" t="str">
            <v>1931</v>
          </cell>
          <cell r="B334" t="str">
            <v>ゴムベルト製造業</v>
          </cell>
        </row>
        <row r="335">
          <cell r="A335" t="str">
            <v>1932</v>
          </cell>
          <cell r="B335" t="str">
            <v>ゴムホース製造業</v>
          </cell>
        </row>
        <row r="336">
          <cell r="A336" t="str">
            <v>1933</v>
          </cell>
          <cell r="B336" t="str">
            <v>工業用ゴム製品製造業</v>
          </cell>
        </row>
        <row r="337">
          <cell r="A337" t="str">
            <v>1991</v>
          </cell>
          <cell r="B337" t="str">
            <v>ゴム引布・同製品製造業</v>
          </cell>
        </row>
        <row r="338">
          <cell r="A338" t="str">
            <v>1992</v>
          </cell>
          <cell r="B338" t="str">
            <v>医療・衛生用ゴム製品製造業</v>
          </cell>
        </row>
        <row r="339">
          <cell r="A339" t="str">
            <v>1993</v>
          </cell>
          <cell r="B339" t="str">
            <v>ゴム練生地製造業</v>
          </cell>
        </row>
        <row r="340">
          <cell r="A340" t="str">
            <v>1994</v>
          </cell>
          <cell r="B340" t="str">
            <v>更生タイヤ製造業</v>
          </cell>
        </row>
        <row r="341">
          <cell r="A341" t="str">
            <v>1995</v>
          </cell>
          <cell r="B341" t="str">
            <v>再生ゴム製造業</v>
          </cell>
        </row>
        <row r="342">
          <cell r="A342" t="str">
            <v>1999</v>
          </cell>
          <cell r="B342" t="str">
            <v>他に分類されないゴム製品製造業</v>
          </cell>
        </row>
        <row r="343">
          <cell r="A343" t="str">
            <v>2011</v>
          </cell>
          <cell r="B343" t="str">
            <v>なめし革製造業</v>
          </cell>
        </row>
        <row r="344">
          <cell r="A344" t="str">
            <v>2021</v>
          </cell>
          <cell r="B344" t="str">
            <v>工業用革製品製造業（手袋を除く）</v>
          </cell>
        </row>
        <row r="345">
          <cell r="A345" t="str">
            <v>2031</v>
          </cell>
          <cell r="B345" t="str">
            <v>革製履物用材料・同附属品製造業</v>
          </cell>
        </row>
        <row r="346">
          <cell r="A346" t="str">
            <v>2041</v>
          </cell>
          <cell r="B346" t="str">
            <v>革製履物製造業</v>
          </cell>
        </row>
        <row r="347">
          <cell r="A347" t="str">
            <v>2051</v>
          </cell>
          <cell r="B347" t="str">
            <v>革製手袋製造業</v>
          </cell>
        </row>
        <row r="348">
          <cell r="A348" t="str">
            <v>2061</v>
          </cell>
          <cell r="B348" t="str">
            <v>かばん製造業</v>
          </cell>
        </row>
        <row r="349">
          <cell r="A349" t="str">
            <v>2071</v>
          </cell>
          <cell r="B349" t="str">
            <v>袋物製造業（ハンドバッグを除く）</v>
          </cell>
        </row>
        <row r="350">
          <cell r="A350" t="str">
            <v>2072</v>
          </cell>
          <cell r="B350" t="str">
            <v>ハンドバッグ製造業</v>
          </cell>
        </row>
        <row r="351">
          <cell r="A351" t="str">
            <v>2081</v>
          </cell>
          <cell r="B351" t="str">
            <v>毛皮製造業</v>
          </cell>
        </row>
        <row r="352">
          <cell r="A352" t="str">
            <v>2099</v>
          </cell>
          <cell r="B352" t="str">
            <v>その他のなめし革製品製造業</v>
          </cell>
        </row>
        <row r="353">
          <cell r="A353" t="str">
            <v>2111</v>
          </cell>
          <cell r="B353" t="str">
            <v>板ガラス製造業</v>
          </cell>
        </row>
        <row r="354">
          <cell r="A354" t="str">
            <v>2112</v>
          </cell>
          <cell r="B354" t="str">
            <v>板ガラス加工業</v>
          </cell>
        </row>
        <row r="355">
          <cell r="A355" t="str">
            <v>2113</v>
          </cell>
          <cell r="B355" t="str">
            <v>ガラス製加工素材製造業</v>
          </cell>
        </row>
        <row r="356">
          <cell r="A356" t="str">
            <v>2114</v>
          </cell>
          <cell r="B356" t="str">
            <v>ガラス容器製造業</v>
          </cell>
        </row>
        <row r="357">
          <cell r="A357" t="str">
            <v>2115</v>
          </cell>
          <cell r="B357" t="str">
            <v>理化学用・医療用ガラス器具製造業</v>
          </cell>
        </row>
        <row r="358">
          <cell r="A358" t="str">
            <v>2116</v>
          </cell>
          <cell r="B358" t="str">
            <v>卓上用・ちゅう房用ガラス器具製造業</v>
          </cell>
        </row>
        <row r="359">
          <cell r="A359" t="str">
            <v>2117</v>
          </cell>
          <cell r="B359" t="str">
            <v>ガラス繊維・同製品製造業</v>
          </cell>
        </row>
        <row r="360">
          <cell r="A360" t="str">
            <v>2119</v>
          </cell>
          <cell r="B360" t="str">
            <v>その他のガラス・同製品製造業</v>
          </cell>
        </row>
        <row r="361">
          <cell r="A361" t="str">
            <v>2121</v>
          </cell>
          <cell r="B361" t="str">
            <v>セメント製造業</v>
          </cell>
        </row>
        <row r="362">
          <cell r="A362" t="str">
            <v>2122</v>
          </cell>
          <cell r="B362" t="str">
            <v>生コンクリート製造業</v>
          </cell>
        </row>
        <row r="363">
          <cell r="A363" t="str">
            <v>2123</v>
          </cell>
          <cell r="B363" t="str">
            <v>コンクリート製品製造業</v>
          </cell>
        </row>
        <row r="364">
          <cell r="A364" t="str">
            <v>2129</v>
          </cell>
          <cell r="B364" t="str">
            <v>その他のセメント製品製造業</v>
          </cell>
        </row>
        <row r="365">
          <cell r="A365" t="str">
            <v>2131</v>
          </cell>
          <cell r="B365" t="str">
            <v>粘土かわら製造業</v>
          </cell>
        </row>
        <row r="366">
          <cell r="A366" t="str">
            <v>2132</v>
          </cell>
          <cell r="B366" t="str">
            <v>普通れんが製造業</v>
          </cell>
        </row>
        <row r="367">
          <cell r="A367" t="str">
            <v>2139</v>
          </cell>
          <cell r="B367" t="str">
            <v>その他の建設用粘土製品製造業</v>
          </cell>
        </row>
        <row r="368">
          <cell r="A368" t="str">
            <v>2141</v>
          </cell>
          <cell r="B368" t="str">
            <v>衛生陶器製造業</v>
          </cell>
        </row>
        <row r="369">
          <cell r="A369" t="str">
            <v>2142</v>
          </cell>
          <cell r="B369" t="str">
            <v>食卓用・ちゅう房用陶磁器製造業</v>
          </cell>
        </row>
        <row r="370">
          <cell r="A370" t="str">
            <v>2143</v>
          </cell>
          <cell r="B370" t="str">
            <v>陶磁器製置物製造業</v>
          </cell>
        </row>
        <row r="371">
          <cell r="A371" t="str">
            <v>2144</v>
          </cell>
          <cell r="B371" t="str">
            <v>電気用陶磁器製造業</v>
          </cell>
        </row>
        <row r="372">
          <cell r="A372" t="str">
            <v>2145</v>
          </cell>
          <cell r="B372" t="str">
            <v>理化学用・工業用陶磁器製造業</v>
          </cell>
        </row>
        <row r="373">
          <cell r="A373" t="str">
            <v>2146</v>
          </cell>
          <cell r="B373" t="str">
            <v>陶磁器製タイル製造業</v>
          </cell>
        </row>
        <row r="374">
          <cell r="A374" t="str">
            <v>2147</v>
          </cell>
          <cell r="B374" t="str">
            <v>陶磁器絵付業</v>
          </cell>
        </row>
        <row r="375">
          <cell r="A375" t="str">
            <v>2148</v>
          </cell>
          <cell r="B375" t="str">
            <v>陶磁器用はい（坏）土製造業</v>
          </cell>
        </row>
        <row r="376">
          <cell r="A376" t="str">
            <v>2149</v>
          </cell>
          <cell r="B376" t="str">
            <v>その他の陶磁器・同関連製品製造業</v>
          </cell>
        </row>
        <row r="377">
          <cell r="A377" t="str">
            <v>2151</v>
          </cell>
          <cell r="B377" t="str">
            <v>耐火れんが製造業</v>
          </cell>
        </row>
        <row r="378">
          <cell r="A378" t="str">
            <v>2152</v>
          </cell>
          <cell r="B378" t="str">
            <v>不定形耐火物製造業</v>
          </cell>
        </row>
        <row r="379">
          <cell r="A379" t="str">
            <v>2159</v>
          </cell>
          <cell r="B379" t="str">
            <v>その他の耐火物製造業</v>
          </cell>
        </row>
        <row r="380">
          <cell r="A380" t="str">
            <v>2161</v>
          </cell>
          <cell r="B380" t="str">
            <v>炭素質電極製造業</v>
          </cell>
        </row>
        <row r="381">
          <cell r="A381" t="str">
            <v>2169</v>
          </cell>
          <cell r="B381" t="str">
            <v>その他の炭素・黒鉛製品製造業</v>
          </cell>
        </row>
        <row r="382">
          <cell r="A382" t="str">
            <v>2171</v>
          </cell>
          <cell r="B382" t="str">
            <v>研磨材製造業</v>
          </cell>
        </row>
        <row r="383">
          <cell r="A383" t="str">
            <v>2172</v>
          </cell>
          <cell r="B383" t="str">
            <v>研削と石製造業</v>
          </cell>
        </row>
        <row r="384">
          <cell r="A384" t="str">
            <v>2173</v>
          </cell>
          <cell r="B384" t="str">
            <v>研磨布紙製造業</v>
          </cell>
        </row>
        <row r="385">
          <cell r="A385" t="str">
            <v>2179</v>
          </cell>
          <cell r="B385" t="str">
            <v>その他の研磨材・同製品製造業</v>
          </cell>
        </row>
        <row r="386">
          <cell r="A386" t="str">
            <v>2181</v>
          </cell>
          <cell r="B386" t="str">
            <v>砕石製造業</v>
          </cell>
        </row>
        <row r="387">
          <cell r="A387" t="str">
            <v>2182</v>
          </cell>
          <cell r="B387" t="str">
            <v>再生骨材製造業</v>
          </cell>
        </row>
        <row r="388">
          <cell r="A388" t="str">
            <v>2183</v>
          </cell>
          <cell r="B388" t="str">
            <v>人工骨材製造業</v>
          </cell>
        </row>
        <row r="389">
          <cell r="A389" t="str">
            <v>2184</v>
          </cell>
          <cell r="B389" t="str">
            <v>石工品製造業</v>
          </cell>
        </row>
        <row r="390">
          <cell r="A390" t="str">
            <v>2185</v>
          </cell>
          <cell r="B390" t="str">
            <v>けいそう土・同製品製造業</v>
          </cell>
        </row>
        <row r="391">
          <cell r="A391" t="str">
            <v>2186</v>
          </cell>
          <cell r="B391" t="str">
            <v>鉱物・土石粉砕等処理業</v>
          </cell>
        </row>
        <row r="392">
          <cell r="A392" t="str">
            <v>2191</v>
          </cell>
          <cell r="B392" t="str">
            <v>ロックウール・同製品製造業</v>
          </cell>
        </row>
        <row r="393">
          <cell r="A393" t="str">
            <v>2192</v>
          </cell>
          <cell r="B393" t="str">
            <v>石こう（膏）製品製造業</v>
          </cell>
        </row>
        <row r="394">
          <cell r="A394" t="str">
            <v>2193</v>
          </cell>
          <cell r="B394" t="str">
            <v>石灰製造業</v>
          </cell>
        </row>
        <row r="395">
          <cell r="A395" t="str">
            <v>2194</v>
          </cell>
          <cell r="B395" t="str">
            <v>鋳型製造業（中子を含む）</v>
          </cell>
        </row>
        <row r="396">
          <cell r="A396" t="str">
            <v>2199</v>
          </cell>
          <cell r="B396" t="str">
            <v>他に分類されない窯業・土石製品製造業</v>
          </cell>
        </row>
        <row r="397">
          <cell r="A397" t="str">
            <v>2211</v>
          </cell>
          <cell r="B397" t="str">
            <v>高炉による製鉄業</v>
          </cell>
        </row>
        <row r="398">
          <cell r="A398" t="str">
            <v>2212</v>
          </cell>
          <cell r="B398" t="str">
            <v>高炉によらない製鉄業</v>
          </cell>
        </row>
        <row r="399">
          <cell r="A399" t="str">
            <v>2213</v>
          </cell>
          <cell r="B399" t="str">
            <v>フェロアロイ製造業</v>
          </cell>
        </row>
        <row r="400">
          <cell r="A400" t="str">
            <v>2221</v>
          </cell>
          <cell r="B400" t="str">
            <v>製鋼・製鋼圧延業</v>
          </cell>
        </row>
        <row r="401">
          <cell r="A401" t="str">
            <v>2231</v>
          </cell>
          <cell r="B401" t="str">
            <v>熱間圧延業（鋼管、伸鉄を除く）</v>
          </cell>
        </row>
        <row r="402">
          <cell r="A402" t="str">
            <v>2232</v>
          </cell>
          <cell r="B402" t="str">
            <v>冷間圧延業（鋼管、伸鉄を除く）</v>
          </cell>
        </row>
        <row r="403">
          <cell r="A403" t="str">
            <v>2233</v>
          </cell>
          <cell r="B403" t="str">
            <v>冷間ロール成型形鋼製造業</v>
          </cell>
        </row>
        <row r="404">
          <cell r="A404" t="str">
            <v>2234</v>
          </cell>
          <cell r="B404" t="str">
            <v>鋼管製造業</v>
          </cell>
        </row>
        <row r="405">
          <cell r="A405" t="str">
            <v>2235</v>
          </cell>
          <cell r="B405" t="str">
            <v>伸鉄業</v>
          </cell>
        </row>
        <row r="406">
          <cell r="A406" t="str">
            <v>2236</v>
          </cell>
          <cell r="B406" t="str">
            <v>磨棒鋼製造業</v>
          </cell>
        </row>
        <row r="407">
          <cell r="A407" t="str">
            <v>2237</v>
          </cell>
          <cell r="B407" t="str">
            <v>引抜鋼管製造業</v>
          </cell>
        </row>
        <row r="408">
          <cell r="A408" t="str">
            <v>2238</v>
          </cell>
          <cell r="B408" t="str">
            <v>伸線業</v>
          </cell>
        </row>
        <row r="409">
          <cell r="A409" t="str">
            <v>2239</v>
          </cell>
          <cell r="B409" t="str">
            <v>その他の製鋼を行わない鋼材製造業（表面処理鋼材を除く）</v>
          </cell>
        </row>
        <row r="410">
          <cell r="A410" t="str">
            <v>2241</v>
          </cell>
          <cell r="B410" t="str">
            <v>亜鉛鉄板製造業</v>
          </cell>
        </row>
        <row r="411">
          <cell r="A411" t="str">
            <v>2249</v>
          </cell>
          <cell r="B411" t="str">
            <v>その他の表面処理鋼材製造業</v>
          </cell>
        </row>
        <row r="412">
          <cell r="A412" t="str">
            <v>2251</v>
          </cell>
          <cell r="B412" t="str">
            <v>銑鉄鋳物製造業（鋳鉄管、可鍛鋳鉄を除く）</v>
          </cell>
        </row>
        <row r="413">
          <cell r="A413" t="str">
            <v>2252</v>
          </cell>
          <cell r="B413" t="str">
            <v>可鍛鋳鉄製造業</v>
          </cell>
        </row>
        <row r="414">
          <cell r="A414" t="str">
            <v>2253</v>
          </cell>
          <cell r="B414" t="str">
            <v>鋳鋼製造業</v>
          </cell>
        </row>
        <row r="415">
          <cell r="A415" t="str">
            <v>2254</v>
          </cell>
          <cell r="B415" t="str">
            <v>鍛工品製造業</v>
          </cell>
        </row>
        <row r="416">
          <cell r="A416" t="str">
            <v>2255</v>
          </cell>
          <cell r="B416" t="str">
            <v>鍛鋼製造業</v>
          </cell>
        </row>
        <row r="417">
          <cell r="A417" t="str">
            <v>2291</v>
          </cell>
          <cell r="B417" t="str">
            <v>鉄鋼シャースリット業</v>
          </cell>
        </row>
        <row r="418">
          <cell r="A418" t="str">
            <v>2292</v>
          </cell>
          <cell r="B418" t="str">
            <v>鉄スクラップ加工処理業</v>
          </cell>
        </row>
        <row r="419">
          <cell r="A419" t="str">
            <v>2293</v>
          </cell>
          <cell r="B419" t="str">
            <v>鋳鉄管製造業</v>
          </cell>
        </row>
        <row r="420">
          <cell r="A420" t="str">
            <v>2299</v>
          </cell>
          <cell r="B420" t="str">
            <v>他に分類されない鉄鋼業</v>
          </cell>
        </row>
        <row r="421">
          <cell r="A421" t="str">
            <v>2311</v>
          </cell>
          <cell r="B421" t="str">
            <v>銅第１次製錬・精製業</v>
          </cell>
        </row>
        <row r="422">
          <cell r="A422" t="str">
            <v>2312</v>
          </cell>
          <cell r="B422" t="str">
            <v>亜鉛第１次製錬・精製業</v>
          </cell>
        </row>
        <row r="423">
          <cell r="A423" t="str">
            <v>2319</v>
          </cell>
          <cell r="B423" t="str">
            <v>その他の非鉄金属第１次製錬・精製業</v>
          </cell>
        </row>
        <row r="424">
          <cell r="A424" t="str">
            <v>2321</v>
          </cell>
          <cell r="B424" t="str">
            <v>鉛第２次製錬・精製業（鉛合金製造業を含む）</v>
          </cell>
        </row>
        <row r="425">
          <cell r="A425" t="str">
            <v>2322</v>
          </cell>
          <cell r="B425" t="str">
            <v>アルミニウム第２次製錬・精製業（アルミニウム合金製造業を含む）</v>
          </cell>
        </row>
        <row r="426">
          <cell r="A426" t="str">
            <v>2329</v>
          </cell>
          <cell r="B426" t="str">
            <v>その他の非鉄金属第２次製錬・精製業（非鉄金属合金製造業を含む）</v>
          </cell>
        </row>
        <row r="427">
          <cell r="A427" t="str">
            <v>2331</v>
          </cell>
          <cell r="B427" t="str">
            <v>伸銅品製造業</v>
          </cell>
        </row>
        <row r="428">
          <cell r="A428" t="str">
            <v>2332</v>
          </cell>
          <cell r="B428" t="str">
            <v>アルミニウム・同合金圧延業（抽伸、押出しを含む）</v>
          </cell>
        </row>
        <row r="429">
          <cell r="A429" t="str">
            <v>2339</v>
          </cell>
          <cell r="B429" t="str">
            <v>その他の非鉄金属・同合金圧延業（抽伸、押出しを含む）</v>
          </cell>
        </row>
        <row r="430">
          <cell r="A430" t="str">
            <v>2341</v>
          </cell>
          <cell r="B430" t="str">
            <v>電線・ケーブル製造業（光ファイバケーブルを除く）</v>
          </cell>
        </row>
        <row r="431">
          <cell r="A431" t="str">
            <v>2342</v>
          </cell>
          <cell r="B431" t="str">
            <v>光ファイバケーブル製造業（通信複合ケーブルを含む）</v>
          </cell>
        </row>
        <row r="432">
          <cell r="A432" t="str">
            <v>2351</v>
          </cell>
          <cell r="B432" t="str">
            <v>銅・同合金鋳物製造業（ダイカストを除く）</v>
          </cell>
        </row>
        <row r="433">
          <cell r="A433" t="str">
            <v>2352</v>
          </cell>
          <cell r="B433" t="str">
            <v>非鉄金属鋳物製造業（銅・同合金鋳物及びダイカストを除く）</v>
          </cell>
        </row>
        <row r="434">
          <cell r="A434" t="str">
            <v>2353</v>
          </cell>
          <cell r="B434" t="str">
            <v>アルミニウム・同合金ダイカスト製造業</v>
          </cell>
        </row>
        <row r="435">
          <cell r="A435" t="str">
            <v>2354</v>
          </cell>
          <cell r="B435" t="str">
            <v>非鉄金属ダイカスト製造業（アルミニウム・同合金ダイカストを除く）</v>
          </cell>
        </row>
        <row r="436">
          <cell r="A436" t="str">
            <v>2355</v>
          </cell>
          <cell r="B436" t="str">
            <v>非鉄金属鍛造品製造業</v>
          </cell>
        </row>
        <row r="437">
          <cell r="A437" t="str">
            <v>2391</v>
          </cell>
          <cell r="B437" t="str">
            <v>核燃料製造業</v>
          </cell>
        </row>
        <row r="438">
          <cell r="A438" t="str">
            <v>2399</v>
          </cell>
          <cell r="B438" t="str">
            <v>他に分類されない非鉄金属製造業</v>
          </cell>
        </row>
        <row r="439">
          <cell r="A439" t="str">
            <v>2411</v>
          </cell>
          <cell r="B439" t="str">
            <v>ブリキ缶・その他のめっき板等製品製造業</v>
          </cell>
        </row>
        <row r="440">
          <cell r="A440" t="str">
            <v>2421</v>
          </cell>
          <cell r="B440" t="str">
            <v>洋食器製造業</v>
          </cell>
        </row>
        <row r="441">
          <cell r="A441" t="str">
            <v>2422</v>
          </cell>
          <cell r="B441" t="str">
            <v>機械刃物製造業</v>
          </cell>
        </row>
        <row r="442">
          <cell r="A442" t="str">
            <v>2423</v>
          </cell>
          <cell r="B442" t="str">
            <v>利器工匠具・手道具製造業（やすり、のこぎり、食卓用刃物を除く）</v>
          </cell>
        </row>
        <row r="443">
          <cell r="A443" t="str">
            <v>2424</v>
          </cell>
          <cell r="B443" t="str">
            <v>作業工具製造業</v>
          </cell>
        </row>
        <row r="444">
          <cell r="A444" t="str">
            <v>2425</v>
          </cell>
          <cell r="B444" t="str">
            <v>手引のこぎり・のこ刃製造業</v>
          </cell>
        </row>
        <row r="445">
          <cell r="A445" t="str">
            <v>2426</v>
          </cell>
          <cell r="B445" t="str">
            <v>農業用器具製造業（農業用機械を除く）</v>
          </cell>
        </row>
        <row r="446">
          <cell r="A446" t="str">
            <v>2429</v>
          </cell>
          <cell r="B446" t="str">
            <v>その他の金物類製造業</v>
          </cell>
        </row>
        <row r="447">
          <cell r="A447" t="str">
            <v>2431</v>
          </cell>
          <cell r="B447" t="str">
            <v>配管工事用附属品製造業（バルブ、コックを除く）</v>
          </cell>
        </row>
        <row r="448">
          <cell r="A448" t="str">
            <v>2432</v>
          </cell>
          <cell r="B448" t="str">
            <v>ガス機器・石油機器製造業</v>
          </cell>
        </row>
        <row r="449">
          <cell r="A449" t="str">
            <v>2433</v>
          </cell>
          <cell r="B449" t="str">
            <v>温風・温水暖房装置製造業</v>
          </cell>
        </row>
        <row r="450">
          <cell r="A450" t="str">
            <v>2439</v>
          </cell>
          <cell r="B450" t="str">
            <v>その他の暖房・調理装置製造業（電気機械器具、ガス機器、石油機器を除く）</v>
          </cell>
        </row>
        <row r="451">
          <cell r="A451" t="str">
            <v>2441</v>
          </cell>
          <cell r="B451" t="str">
            <v>鉄骨製造業</v>
          </cell>
        </row>
        <row r="452">
          <cell r="A452" t="str">
            <v>2442</v>
          </cell>
          <cell r="B452" t="str">
            <v>建設用金属製品製造業（鉄骨を除く）</v>
          </cell>
        </row>
        <row r="453">
          <cell r="A453" t="str">
            <v>2443</v>
          </cell>
          <cell r="B453" t="str">
            <v>金属製サッシ・ドア製造業</v>
          </cell>
        </row>
        <row r="454">
          <cell r="A454" t="str">
            <v>2444</v>
          </cell>
          <cell r="B454" t="str">
            <v>鉄骨系プレハブ住宅製造業</v>
          </cell>
        </row>
        <row r="455">
          <cell r="A455" t="str">
            <v>2445</v>
          </cell>
          <cell r="B455" t="str">
            <v>建築用金属製品製造業（サッシ、ドア、建築用金物を除く）</v>
          </cell>
        </row>
        <row r="456">
          <cell r="A456" t="str">
            <v>2446</v>
          </cell>
          <cell r="B456" t="str">
            <v>製缶板金業</v>
          </cell>
        </row>
        <row r="457">
          <cell r="A457" t="str">
            <v>2451</v>
          </cell>
          <cell r="B457" t="str">
            <v>アルミニウム・同合金プレス製品製造業</v>
          </cell>
        </row>
        <row r="458">
          <cell r="A458" t="str">
            <v>2452</v>
          </cell>
          <cell r="B458" t="str">
            <v>金属プレス製品製造業（アルミニウム・同合金を除く）</v>
          </cell>
        </row>
        <row r="459">
          <cell r="A459" t="str">
            <v>2453</v>
          </cell>
          <cell r="B459" t="str">
            <v>粉末や金製品製造業</v>
          </cell>
        </row>
        <row r="460">
          <cell r="A460" t="str">
            <v>2461</v>
          </cell>
          <cell r="B460" t="str">
            <v>金属製品塗装業</v>
          </cell>
        </row>
        <row r="461">
          <cell r="A461" t="str">
            <v>2462</v>
          </cell>
          <cell r="B461" t="str">
            <v>溶融めっき業（表面処理鋼材製造業を除く）</v>
          </cell>
        </row>
        <row r="462">
          <cell r="A462" t="str">
            <v>2463</v>
          </cell>
          <cell r="B462" t="str">
            <v>金属彫刻業</v>
          </cell>
        </row>
        <row r="463">
          <cell r="A463" t="str">
            <v>2464</v>
          </cell>
          <cell r="B463" t="str">
            <v>電気めっき業（表面処理鋼材製造業を除く）</v>
          </cell>
        </row>
        <row r="464">
          <cell r="A464" t="str">
            <v>2465</v>
          </cell>
          <cell r="B464" t="str">
            <v>金属熱処理業</v>
          </cell>
        </row>
        <row r="465">
          <cell r="A465" t="str">
            <v>2469</v>
          </cell>
          <cell r="B465" t="str">
            <v>その他の金属表面処理業</v>
          </cell>
        </row>
        <row r="466">
          <cell r="A466" t="str">
            <v>2471</v>
          </cell>
          <cell r="B466" t="str">
            <v>くぎ製造業</v>
          </cell>
        </row>
        <row r="467">
          <cell r="A467" t="str">
            <v>2479</v>
          </cell>
          <cell r="B467" t="str">
            <v>その他の金属線製品製造業</v>
          </cell>
        </row>
        <row r="468">
          <cell r="A468" t="str">
            <v>2481</v>
          </cell>
          <cell r="B468" t="str">
            <v>ボルト・ナット・リベット・小ねじ・木ねじ等製造業</v>
          </cell>
        </row>
        <row r="469">
          <cell r="A469" t="str">
            <v>2491</v>
          </cell>
          <cell r="B469" t="str">
            <v>金庫製造業</v>
          </cell>
        </row>
        <row r="470">
          <cell r="A470" t="str">
            <v>2492</v>
          </cell>
          <cell r="B470" t="str">
            <v>金属製スプリング製造業</v>
          </cell>
        </row>
        <row r="471">
          <cell r="A471" t="str">
            <v>2499</v>
          </cell>
          <cell r="B471" t="str">
            <v>他に分類されない金属製品製造業</v>
          </cell>
        </row>
        <row r="472">
          <cell r="A472" t="str">
            <v>2511</v>
          </cell>
          <cell r="B472" t="str">
            <v>ボイラ製造業</v>
          </cell>
        </row>
        <row r="473">
          <cell r="A473" t="str">
            <v>2512</v>
          </cell>
          <cell r="B473" t="str">
            <v>蒸気機関・タービン・水力タービン製造業（舶用を除く）</v>
          </cell>
        </row>
        <row r="474">
          <cell r="A474" t="str">
            <v>2513</v>
          </cell>
          <cell r="B474" t="str">
            <v>はん用内燃機関製造業</v>
          </cell>
        </row>
        <row r="475">
          <cell r="A475" t="str">
            <v>2519</v>
          </cell>
          <cell r="B475" t="str">
            <v>その他の原動機製造業</v>
          </cell>
        </row>
        <row r="476">
          <cell r="A476" t="str">
            <v>2521</v>
          </cell>
          <cell r="B476" t="str">
            <v>ポンプ・同装置製造業</v>
          </cell>
        </row>
        <row r="477">
          <cell r="A477" t="str">
            <v>2522</v>
          </cell>
          <cell r="B477" t="str">
            <v>空気圧縮機・ガス圧縮機・送風機製造業</v>
          </cell>
        </row>
        <row r="478">
          <cell r="A478" t="str">
            <v>2523</v>
          </cell>
          <cell r="B478" t="str">
            <v>油圧・空圧機器製造業</v>
          </cell>
        </row>
        <row r="479">
          <cell r="A479" t="str">
            <v>2531</v>
          </cell>
          <cell r="B479" t="str">
            <v>動力伝導装置製造業（玉軸受、ころ軸受を除く）</v>
          </cell>
        </row>
        <row r="480">
          <cell r="A480" t="str">
            <v>2532</v>
          </cell>
          <cell r="B480" t="str">
            <v>エレベータ・エスカレータ製造業</v>
          </cell>
        </row>
        <row r="481">
          <cell r="A481" t="str">
            <v>2533</v>
          </cell>
          <cell r="B481" t="str">
            <v>物流運搬設備製造業</v>
          </cell>
        </row>
        <row r="482">
          <cell r="A482" t="str">
            <v>2534</v>
          </cell>
          <cell r="B482" t="str">
            <v>工業窯炉製造業</v>
          </cell>
        </row>
        <row r="483">
          <cell r="A483" t="str">
            <v>2535</v>
          </cell>
          <cell r="B483" t="str">
            <v>冷凍機・温湿調整装置製造業</v>
          </cell>
        </row>
        <row r="484">
          <cell r="A484" t="str">
            <v>2591</v>
          </cell>
          <cell r="B484" t="str">
            <v>消火器具・消火装置製造業</v>
          </cell>
        </row>
        <row r="485">
          <cell r="A485" t="str">
            <v>2592</v>
          </cell>
          <cell r="B485" t="str">
            <v>弁・同附属品製造業</v>
          </cell>
        </row>
        <row r="486">
          <cell r="A486" t="str">
            <v>2593</v>
          </cell>
          <cell r="B486" t="str">
            <v>パイプ加工・パイプ附属品加工業</v>
          </cell>
        </row>
        <row r="487">
          <cell r="A487" t="str">
            <v>2594</v>
          </cell>
          <cell r="B487" t="str">
            <v>玉軸受・ころ軸受製造業</v>
          </cell>
        </row>
        <row r="488">
          <cell r="A488" t="str">
            <v>2595</v>
          </cell>
          <cell r="B488" t="str">
            <v>ピストンリング製造業</v>
          </cell>
        </row>
        <row r="489">
          <cell r="A489" t="str">
            <v>2596</v>
          </cell>
          <cell r="B489" t="str">
            <v>他に分類されないはん用機械・装置製造業</v>
          </cell>
        </row>
        <row r="490">
          <cell r="A490" t="str">
            <v>2599</v>
          </cell>
          <cell r="B490" t="str">
            <v>各種機械・同部分品製造修理業（注文製造・修理）</v>
          </cell>
        </row>
        <row r="491">
          <cell r="A491" t="str">
            <v>2611</v>
          </cell>
          <cell r="B491" t="str">
            <v>農業用機械製造業（農業用器具を除く）</v>
          </cell>
        </row>
        <row r="492">
          <cell r="A492" t="str">
            <v>2621</v>
          </cell>
          <cell r="B492" t="str">
            <v>建設機械・鉱山機械製造業</v>
          </cell>
        </row>
        <row r="493">
          <cell r="A493" t="str">
            <v>2631</v>
          </cell>
          <cell r="B493" t="str">
            <v>化学繊維機械・紡績機械製造業</v>
          </cell>
        </row>
        <row r="494">
          <cell r="A494" t="str">
            <v>2632</v>
          </cell>
          <cell r="B494" t="str">
            <v>製織機械・編組機械製造業</v>
          </cell>
        </row>
        <row r="495">
          <cell r="A495" t="str">
            <v>2633</v>
          </cell>
          <cell r="B495" t="str">
            <v>染色整理仕上機械製造業</v>
          </cell>
        </row>
        <row r="496">
          <cell r="A496" t="str">
            <v>2634</v>
          </cell>
          <cell r="B496" t="str">
            <v>繊維機械部分品・取付具・附属品製造業</v>
          </cell>
        </row>
        <row r="497">
          <cell r="A497" t="str">
            <v>2635</v>
          </cell>
          <cell r="B497" t="str">
            <v>縫製機械製造業</v>
          </cell>
        </row>
        <row r="498">
          <cell r="A498" t="str">
            <v>2641</v>
          </cell>
          <cell r="B498" t="str">
            <v>食品機械・同装置製造業</v>
          </cell>
        </row>
        <row r="499">
          <cell r="A499" t="str">
            <v>2642</v>
          </cell>
          <cell r="B499" t="str">
            <v>木材加工機械製造業</v>
          </cell>
        </row>
        <row r="500">
          <cell r="A500" t="str">
            <v>2643</v>
          </cell>
          <cell r="B500" t="str">
            <v>パルプ装置・製紙機械製造業</v>
          </cell>
        </row>
        <row r="501">
          <cell r="A501" t="str">
            <v>2644</v>
          </cell>
          <cell r="B501" t="str">
            <v>印刷・製本・紙工機械製造業</v>
          </cell>
        </row>
        <row r="502">
          <cell r="A502" t="str">
            <v>2645</v>
          </cell>
          <cell r="B502" t="str">
            <v>包装・荷造機械製造業</v>
          </cell>
        </row>
        <row r="503">
          <cell r="A503" t="str">
            <v>2651</v>
          </cell>
          <cell r="B503" t="str">
            <v>鋳造装置製造業</v>
          </cell>
        </row>
        <row r="504">
          <cell r="A504" t="str">
            <v>2652</v>
          </cell>
          <cell r="B504" t="str">
            <v>化学機械・同装置製造業</v>
          </cell>
        </row>
        <row r="505">
          <cell r="A505" t="str">
            <v>2653</v>
          </cell>
          <cell r="B505" t="str">
            <v>プラスチック加工機械・同附属装置製造業</v>
          </cell>
        </row>
        <row r="506">
          <cell r="A506" t="str">
            <v>2661</v>
          </cell>
          <cell r="B506" t="str">
            <v>金属工作機械製造業</v>
          </cell>
        </row>
        <row r="507">
          <cell r="A507" t="str">
            <v>2662</v>
          </cell>
          <cell r="B507" t="str">
            <v>金属加工機械製造業（金属工作機械を除く）</v>
          </cell>
        </row>
        <row r="508">
          <cell r="A508" t="str">
            <v>2663</v>
          </cell>
          <cell r="B508" t="str">
            <v>金属工作機械用・金属加工機械用部分品・附属品製造業（機械工具、金型を除く）</v>
          </cell>
        </row>
        <row r="509">
          <cell r="A509" t="str">
            <v>2664</v>
          </cell>
          <cell r="B509" t="str">
            <v>機械工具製造業（粉末や金業を除く）</v>
          </cell>
        </row>
        <row r="510">
          <cell r="A510" t="str">
            <v>2671</v>
          </cell>
          <cell r="B510" t="str">
            <v>半導体製造装置製造業</v>
          </cell>
        </row>
        <row r="511">
          <cell r="A511" t="str">
            <v>2672</v>
          </cell>
          <cell r="B511" t="str">
            <v>フラットパネルディスプレイ製造装置製造業</v>
          </cell>
        </row>
        <row r="512">
          <cell r="A512" t="str">
            <v>2691</v>
          </cell>
          <cell r="B512" t="str">
            <v>金属用金型・同部分品・附属品製造業</v>
          </cell>
        </row>
        <row r="513">
          <cell r="A513" t="str">
            <v>2692</v>
          </cell>
          <cell r="B513" t="str">
            <v>非金属用金型・同部分品・附属品製造業</v>
          </cell>
        </row>
        <row r="514">
          <cell r="A514" t="str">
            <v>2693</v>
          </cell>
          <cell r="B514" t="str">
            <v>真空装置・真空機器製造業</v>
          </cell>
        </row>
        <row r="515">
          <cell r="A515" t="str">
            <v>2694</v>
          </cell>
          <cell r="B515" t="str">
            <v>ロボット製造業</v>
          </cell>
        </row>
        <row r="516">
          <cell r="A516" t="str">
            <v>2699</v>
          </cell>
          <cell r="B516" t="str">
            <v>他に分類されない生産用機械・同部分品製造業</v>
          </cell>
        </row>
        <row r="517">
          <cell r="A517" t="str">
            <v>2711</v>
          </cell>
          <cell r="B517" t="str">
            <v>複写機製造業</v>
          </cell>
        </row>
        <row r="518">
          <cell r="A518" t="str">
            <v>2719</v>
          </cell>
          <cell r="B518" t="str">
            <v>その他の事務用機械器具製造業</v>
          </cell>
        </row>
        <row r="519">
          <cell r="A519" t="str">
            <v>2721</v>
          </cell>
          <cell r="B519" t="str">
            <v>サービス用機械器具製造業</v>
          </cell>
        </row>
        <row r="520">
          <cell r="A520" t="str">
            <v>2722</v>
          </cell>
          <cell r="B520" t="str">
            <v>娯楽用機械製造業</v>
          </cell>
        </row>
        <row r="521">
          <cell r="A521" t="str">
            <v>2723</v>
          </cell>
          <cell r="B521" t="str">
            <v>自動販売機製造業</v>
          </cell>
        </row>
        <row r="522">
          <cell r="A522" t="str">
            <v>2729</v>
          </cell>
          <cell r="B522" t="str">
            <v>その他のサービス用・娯楽用機械器具製造業</v>
          </cell>
        </row>
        <row r="523">
          <cell r="A523" t="str">
            <v>2731</v>
          </cell>
          <cell r="B523" t="str">
            <v>体積計製造業</v>
          </cell>
        </row>
        <row r="524">
          <cell r="A524" t="str">
            <v>2732</v>
          </cell>
          <cell r="B524" t="str">
            <v>はかり製造業</v>
          </cell>
        </row>
        <row r="525">
          <cell r="A525" t="str">
            <v>2733</v>
          </cell>
          <cell r="B525" t="str">
            <v>圧力計・流量計・液面計等製造業</v>
          </cell>
        </row>
        <row r="526">
          <cell r="A526" t="str">
            <v>2734</v>
          </cell>
          <cell r="B526" t="str">
            <v>精密測定器製造業</v>
          </cell>
        </row>
        <row r="527">
          <cell r="A527" t="str">
            <v>2735</v>
          </cell>
          <cell r="B527" t="str">
            <v>分析機器製造業</v>
          </cell>
        </row>
        <row r="528">
          <cell r="A528" t="str">
            <v>2736</v>
          </cell>
          <cell r="B528" t="str">
            <v>試験機製造業</v>
          </cell>
        </row>
        <row r="529">
          <cell r="A529" t="str">
            <v>2737</v>
          </cell>
          <cell r="B529" t="str">
            <v>測量機械器具製造業</v>
          </cell>
        </row>
        <row r="530">
          <cell r="A530" t="str">
            <v>2738</v>
          </cell>
          <cell r="B530" t="str">
            <v>理化学機械器具製造業</v>
          </cell>
        </row>
        <row r="531">
          <cell r="A531" t="str">
            <v>2739</v>
          </cell>
          <cell r="B531" t="str">
            <v>その他の計量器・測定器・分析機器・試験機・測量機械器具・理化学機械器具製造業</v>
          </cell>
        </row>
        <row r="532">
          <cell r="A532" t="str">
            <v>2741</v>
          </cell>
          <cell r="B532" t="str">
            <v>医療用機械器具製造業</v>
          </cell>
        </row>
        <row r="533">
          <cell r="A533" t="str">
            <v>2742</v>
          </cell>
          <cell r="B533" t="str">
            <v>歯科用機械器具製造業</v>
          </cell>
        </row>
        <row r="534">
          <cell r="A534" t="str">
            <v>2743</v>
          </cell>
          <cell r="B534" t="str">
            <v>医療用品製造業（動物用医療機械器具を含む）</v>
          </cell>
        </row>
        <row r="535">
          <cell r="A535" t="str">
            <v>2744</v>
          </cell>
          <cell r="B535" t="str">
            <v>歯科材料製造業</v>
          </cell>
        </row>
        <row r="536">
          <cell r="A536" t="str">
            <v>2751</v>
          </cell>
          <cell r="B536" t="str">
            <v>顕微鏡・望遠鏡等製造業</v>
          </cell>
        </row>
        <row r="537">
          <cell r="A537" t="str">
            <v>2752</v>
          </cell>
          <cell r="B537" t="str">
            <v>写真機・映画用機械・同附属品製造業</v>
          </cell>
        </row>
        <row r="538">
          <cell r="A538" t="str">
            <v>2753</v>
          </cell>
          <cell r="B538" t="str">
            <v>光学機械用レンズ・プリズム製造業</v>
          </cell>
        </row>
        <row r="539">
          <cell r="A539" t="str">
            <v>2761</v>
          </cell>
          <cell r="B539" t="str">
            <v>武器製造業</v>
          </cell>
        </row>
        <row r="540">
          <cell r="A540" t="str">
            <v>2811</v>
          </cell>
          <cell r="B540" t="str">
            <v>電子管製造業</v>
          </cell>
        </row>
        <row r="541">
          <cell r="A541" t="str">
            <v>2812</v>
          </cell>
          <cell r="B541" t="str">
            <v>光電変換素子製造業</v>
          </cell>
        </row>
        <row r="542">
          <cell r="A542" t="str">
            <v>2813</v>
          </cell>
          <cell r="B542" t="str">
            <v>半導体素子製造業（光電変換素子を除く）</v>
          </cell>
        </row>
        <row r="543">
          <cell r="A543" t="str">
            <v>2814</v>
          </cell>
          <cell r="B543" t="str">
            <v>集積回路製造業</v>
          </cell>
        </row>
        <row r="544">
          <cell r="A544" t="str">
            <v>2815</v>
          </cell>
          <cell r="B544" t="str">
            <v>液晶パネル・フラットパネル製造業</v>
          </cell>
        </row>
        <row r="545">
          <cell r="A545" t="str">
            <v>2821</v>
          </cell>
          <cell r="B545" t="str">
            <v>抵抗器・コンデンサ・変成器・複合部品製造業</v>
          </cell>
        </row>
        <row r="546">
          <cell r="A546" t="str">
            <v>2822</v>
          </cell>
          <cell r="B546" t="str">
            <v>音響部品・磁気ヘッド・小形モータ製造業</v>
          </cell>
        </row>
        <row r="547">
          <cell r="A547" t="str">
            <v>2823</v>
          </cell>
          <cell r="B547" t="str">
            <v>コネクタ・スイッチ・リレー製造業</v>
          </cell>
        </row>
        <row r="548">
          <cell r="A548" t="str">
            <v>2831</v>
          </cell>
          <cell r="B548" t="str">
            <v>半導体メモリメディア製造業</v>
          </cell>
        </row>
        <row r="549">
          <cell r="A549" t="str">
            <v>2832</v>
          </cell>
          <cell r="B549" t="str">
            <v>光ディスク・磁気ディスク・磁気テープ製造業</v>
          </cell>
        </row>
        <row r="550">
          <cell r="A550" t="str">
            <v>2841</v>
          </cell>
          <cell r="B550" t="str">
            <v>電子回路基板製造業</v>
          </cell>
        </row>
        <row r="551">
          <cell r="A551" t="str">
            <v>2842</v>
          </cell>
          <cell r="B551" t="str">
            <v>電子回路実装基板製造業</v>
          </cell>
        </row>
        <row r="552">
          <cell r="A552" t="str">
            <v>2851</v>
          </cell>
          <cell r="B552" t="str">
            <v>電源ユニット・高周波ユニット・コントロールユニット製造業</v>
          </cell>
        </row>
        <row r="553">
          <cell r="A553" t="str">
            <v>2859</v>
          </cell>
          <cell r="B553" t="str">
            <v>その他のユニット部品製造業</v>
          </cell>
        </row>
        <row r="554">
          <cell r="A554" t="str">
            <v>2899</v>
          </cell>
          <cell r="B554" t="str">
            <v>その他の電子部品・デバイス・電子回路製造業</v>
          </cell>
        </row>
        <row r="555">
          <cell r="A555" t="str">
            <v>2911</v>
          </cell>
          <cell r="B555" t="str">
            <v>発電機・電動機・その他の回転電気機械製造業</v>
          </cell>
        </row>
        <row r="556">
          <cell r="A556" t="str">
            <v>2912</v>
          </cell>
          <cell r="B556" t="str">
            <v>変圧器類製造業（電子機器用を除く）</v>
          </cell>
        </row>
        <row r="557">
          <cell r="A557" t="str">
            <v>2913</v>
          </cell>
          <cell r="B557" t="str">
            <v>電力開閉装置製造業</v>
          </cell>
        </row>
        <row r="558">
          <cell r="A558" t="str">
            <v>2914</v>
          </cell>
          <cell r="B558" t="str">
            <v>配電盤・電力制御装置製造業</v>
          </cell>
        </row>
        <row r="559">
          <cell r="A559" t="str">
            <v>2915</v>
          </cell>
          <cell r="B559" t="str">
            <v>配線器具・配線附属品製造業</v>
          </cell>
        </row>
        <row r="560">
          <cell r="A560" t="str">
            <v>2921</v>
          </cell>
          <cell r="B560" t="str">
            <v>電気溶接機製造業</v>
          </cell>
        </row>
        <row r="561">
          <cell r="A561" t="str">
            <v>2922</v>
          </cell>
          <cell r="B561" t="str">
            <v>内燃機関電装品製造業</v>
          </cell>
        </row>
        <row r="562">
          <cell r="A562" t="str">
            <v>2929</v>
          </cell>
          <cell r="B562" t="str">
            <v>その他の産業用電気機械器具製造業（車両用、船舶用を含む）</v>
          </cell>
        </row>
        <row r="563">
          <cell r="A563" t="str">
            <v>2931</v>
          </cell>
          <cell r="B563" t="str">
            <v>ちゅう房機器製造業</v>
          </cell>
        </row>
        <row r="564">
          <cell r="A564" t="str">
            <v>2932</v>
          </cell>
          <cell r="B564" t="str">
            <v>空調・住宅関連機器製造業</v>
          </cell>
        </row>
        <row r="565">
          <cell r="A565" t="str">
            <v>2933</v>
          </cell>
          <cell r="B565" t="str">
            <v>衣料衛生関連機器製造業</v>
          </cell>
        </row>
        <row r="566">
          <cell r="A566" t="str">
            <v>2939</v>
          </cell>
          <cell r="B566" t="str">
            <v>その他の民生用電気機械器具製造業</v>
          </cell>
        </row>
        <row r="567">
          <cell r="A567" t="str">
            <v>2941</v>
          </cell>
          <cell r="B567" t="str">
            <v>電球製造業</v>
          </cell>
        </row>
        <row r="568">
          <cell r="A568" t="str">
            <v>2942</v>
          </cell>
          <cell r="B568" t="str">
            <v>電気照明器具製造業</v>
          </cell>
        </row>
        <row r="569">
          <cell r="A569" t="str">
            <v>2951</v>
          </cell>
          <cell r="B569" t="str">
            <v>蓄電池製造業</v>
          </cell>
        </row>
        <row r="570">
          <cell r="A570" t="str">
            <v>2952</v>
          </cell>
          <cell r="B570" t="str">
            <v>一次電池（乾電池、湿電池）製造業</v>
          </cell>
        </row>
        <row r="571">
          <cell r="A571" t="str">
            <v>2961</v>
          </cell>
          <cell r="B571" t="str">
            <v>Ｘ線装置製造業</v>
          </cell>
        </row>
        <row r="572">
          <cell r="A572" t="str">
            <v>2962</v>
          </cell>
          <cell r="B572" t="str">
            <v>医療用電子応用装置製造業</v>
          </cell>
        </row>
        <row r="573">
          <cell r="A573" t="str">
            <v>2969</v>
          </cell>
          <cell r="B573" t="str">
            <v>その他の電子応用装置製造業</v>
          </cell>
        </row>
        <row r="574">
          <cell r="A574" t="str">
            <v>2971</v>
          </cell>
          <cell r="B574" t="str">
            <v>電気計測器製造業（工業計器、医療用計測器などを除く）</v>
          </cell>
        </row>
        <row r="575">
          <cell r="A575" t="str">
            <v>2972</v>
          </cell>
          <cell r="B575" t="str">
            <v>工業計器製造業</v>
          </cell>
        </row>
        <row r="576">
          <cell r="A576" t="str">
            <v>2973</v>
          </cell>
          <cell r="B576" t="str">
            <v>医療用計測器製造業</v>
          </cell>
        </row>
        <row r="577">
          <cell r="A577" t="str">
            <v>2999</v>
          </cell>
          <cell r="B577" t="str">
            <v>その他の電気機械器具製造業</v>
          </cell>
        </row>
        <row r="578">
          <cell r="A578" t="str">
            <v>3011</v>
          </cell>
          <cell r="B578" t="str">
            <v>有線通信機械器具製造業</v>
          </cell>
        </row>
        <row r="579">
          <cell r="A579" t="str">
            <v>3012</v>
          </cell>
          <cell r="B579" t="str">
            <v>携帯電話機・ＰＨＳ電話機製造業</v>
          </cell>
        </row>
        <row r="580">
          <cell r="A580" t="str">
            <v>3013</v>
          </cell>
          <cell r="B580" t="str">
            <v>無線通信機械器具製造業</v>
          </cell>
        </row>
        <row r="581">
          <cell r="A581" t="str">
            <v>3014</v>
          </cell>
          <cell r="B581" t="str">
            <v>ラジオ受信機・テレビジョン受信機製造業</v>
          </cell>
        </row>
        <row r="582">
          <cell r="A582" t="str">
            <v>3015</v>
          </cell>
          <cell r="B582" t="str">
            <v>交通信号保安装置製造業</v>
          </cell>
        </row>
        <row r="583">
          <cell r="A583" t="str">
            <v>3019</v>
          </cell>
          <cell r="B583" t="str">
            <v>その他の通信機械器具・同関連機械器具製造業</v>
          </cell>
        </row>
        <row r="584">
          <cell r="A584" t="str">
            <v>3021</v>
          </cell>
          <cell r="B584" t="str">
            <v>ビデオ機器製造業</v>
          </cell>
        </row>
        <row r="585">
          <cell r="A585" t="str">
            <v>3022</v>
          </cell>
          <cell r="B585" t="str">
            <v>デジタルカメラ製造業</v>
          </cell>
        </row>
        <row r="586">
          <cell r="A586" t="str">
            <v>3023</v>
          </cell>
          <cell r="B586" t="str">
            <v>電気音響機械器具製造業</v>
          </cell>
        </row>
        <row r="587">
          <cell r="A587" t="str">
            <v>3031</v>
          </cell>
          <cell r="B587" t="str">
            <v>電子計算機製造業（パーソナルコンピュータを除く）</v>
          </cell>
        </row>
        <row r="588">
          <cell r="A588" t="str">
            <v>3032</v>
          </cell>
          <cell r="B588" t="str">
            <v>パーソナルコンピュータ製造業</v>
          </cell>
        </row>
        <row r="589">
          <cell r="A589" t="str">
            <v>3033</v>
          </cell>
          <cell r="B589" t="str">
            <v>外部記憶装置製造業</v>
          </cell>
        </row>
        <row r="590">
          <cell r="A590" t="str">
            <v>3034</v>
          </cell>
          <cell r="B590" t="str">
            <v>印刷装置製造業</v>
          </cell>
        </row>
        <row r="591">
          <cell r="A591" t="str">
            <v>3035</v>
          </cell>
          <cell r="B591" t="str">
            <v>表示装置製造業</v>
          </cell>
        </row>
        <row r="592">
          <cell r="A592" t="str">
            <v>3039</v>
          </cell>
          <cell r="B592" t="str">
            <v>その他の附属装置製造業</v>
          </cell>
        </row>
        <row r="593">
          <cell r="A593" t="str">
            <v>3111</v>
          </cell>
          <cell r="B593" t="str">
            <v>自動車製造業（二輪自動車を含む）</v>
          </cell>
        </row>
        <row r="594">
          <cell r="A594" t="str">
            <v>3112</v>
          </cell>
          <cell r="B594" t="str">
            <v>自動車車体・附随車製造業</v>
          </cell>
        </row>
        <row r="595">
          <cell r="A595" t="str">
            <v>3113</v>
          </cell>
          <cell r="B595" t="str">
            <v>自動車部分品・附属品製造業</v>
          </cell>
        </row>
        <row r="596">
          <cell r="A596" t="str">
            <v>3121</v>
          </cell>
          <cell r="B596" t="str">
            <v>鉄道車両製造業</v>
          </cell>
        </row>
        <row r="597">
          <cell r="A597" t="str">
            <v>3122</v>
          </cell>
          <cell r="B597" t="str">
            <v>鉄道車両用部分品製造業</v>
          </cell>
        </row>
        <row r="598">
          <cell r="A598" t="str">
            <v>3131</v>
          </cell>
          <cell r="B598" t="str">
            <v>船舶製造・修理業</v>
          </cell>
        </row>
        <row r="599">
          <cell r="A599" t="str">
            <v>3132</v>
          </cell>
          <cell r="B599" t="str">
            <v>船体ブロック製造業</v>
          </cell>
        </row>
        <row r="600">
          <cell r="A600" t="str">
            <v>3133</v>
          </cell>
          <cell r="B600" t="str">
            <v>舟艇製造・修理業</v>
          </cell>
        </row>
        <row r="601">
          <cell r="A601" t="str">
            <v>3134</v>
          </cell>
          <cell r="B601" t="str">
            <v>舶用機関製造業</v>
          </cell>
        </row>
        <row r="602">
          <cell r="A602" t="str">
            <v>3141</v>
          </cell>
          <cell r="B602" t="str">
            <v>航空機製造業</v>
          </cell>
        </row>
        <row r="603">
          <cell r="A603" t="str">
            <v>3142</v>
          </cell>
          <cell r="B603" t="str">
            <v>航空機用原動機製造業</v>
          </cell>
        </row>
        <row r="604">
          <cell r="A604" t="str">
            <v>3149</v>
          </cell>
          <cell r="B604" t="str">
            <v>その他の航空機部分品・補助装置製造業</v>
          </cell>
        </row>
        <row r="605">
          <cell r="A605" t="str">
            <v>3151</v>
          </cell>
          <cell r="B605" t="str">
            <v>フォークリフトトラック・同部分品・附属品製造業</v>
          </cell>
        </row>
        <row r="606">
          <cell r="A606" t="str">
            <v>3159</v>
          </cell>
          <cell r="B606" t="str">
            <v>その他の産業用運搬車両・同部分品・附属品製造業</v>
          </cell>
        </row>
        <row r="607">
          <cell r="A607" t="str">
            <v>3191</v>
          </cell>
          <cell r="B607" t="str">
            <v>自転車・同部分品製造業</v>
          </cell>
        </row>
        <row r="608">
          <cell r="A608" t="str">
            <v>3199</v>
          </cell>
          <cell r="B608" t="str">
            <v>他に分類されない輸送用機械器具製造業</v>
          </cell>
        </row>
        <row r="609">
          <cell r="A609" t="str">
            <v>3211</v>
          </cell>
          <cell r="B609" t="str">
            <v>貴金属・宝石製装身具（ジュエリー）製品製造業</v>
          </cell>
        </row>
        <row r="610">
          <cell r="A610" t="str">
            <v>3212</v>
          </cell>
          <cell r="B610" t="str">
            <v>貴金属・宝石製装身具（ジュエリー）附属品・同材料加工業</v>
          </cell>
        </row>
        <row r="611">
          <cell r="A611" t="str">
            <v>3219</v>
          </cell>
          <cell r="B611" t="str">
            <v>その他の貴金属製品製造業</v>
          </cell>
        </row>
        <row r="612">
          <cell r="A612" t="str">
            <v>3221</v>
          </cell>
          <cell r="B612" t="str">
            <v>装身具・装飾品製造業（貴金属・宝石製を除く）</v>
          </cell>
        </row>
        <row r="613">
          <cell r="A613" t="str">
            <v>3222</v>
          </cell>
          <cell r="B613" t="str">
            <v>造花・装飾用羽毛製造業</v>
          </cell>
        </row>
        <row r="614">
          <cell r="A614" t="str">
            <v>3223</v>
          </cell>
          <cell r="B614" t="str">
            <v>ボタン製造業</v>
          </cell>
        </row>
        <row r="615">
          <cell r="A615" t="str">
            <v>3224</v>
          </cell>
          <cell r="B615" t="str">
            <v>針・ピン・ホック・スナップ・同関連品製造業</v>
          </cell>
        </row>
        <row r="616">
          <cell r="A616" t="str">
            <v>3229</v>
          </cell>
          <cell r="B616" t="str">
            <v>その他の装身具・装飾品製造業</v>
          </cell>
        </row>
        <row r="617">
          <cell r="A617" t="str">
            <v>3231</v>
          </cell>
          <cell r="B617" t="str">
            <v>時計・同部分品製造業</v>
          </cell>
        </row>
        <row r="618">
          <cell r="A618" t="str">
            <v>3241</v>
          </cell>
          <cell r="B618" t="str">
            <v>ピアノ製造業</v>
          </cell>
        </row>
        <row r="619">
          <cell r="A619" t="str">
            <v>3249</v>
          </cell>
          <cell r="B619" t="str">
            <v>その他の楽器・楽器部品・同材料製造業</v>
          </cell>
        </row>
        <row r="620">
          <cell r="A620" t="str">
            <v>3251</v>
          </cell>
          <cell r="B620" t="str">
            <v>娯楽用具・がん具製造業（人形を除く）</v>
          </cell>
        </row>
        <row r="621">
          <cell r="A621" t="str">
            <v>3252</v>
          </cell>
          <cell r="B621" t="str">
            <v>人形製造業</v>
          </cell>
        </row>
        <row r="622">
          <cell r="A622" t="str">
            <v>3253</v>
          </cell>
          <cell r="B622" t="str">
            <v>運動用具製造業</v>
          </cell>
        </row>
        <row r="623">
          <cell r="A623" t="str">
            <v>3261</v>
          </cell>
          <cell r="B623" t="str">
            <v>万年筆・ペン類・鉛筆製造業</v>
          </cell>
        </row>
        <row r="624">
          <cell r="A624" t="str">
            <v>3262</v>
          </cell>
          <cell r="B624" t="str">
            <v>毛筆・絵画用品製造業（鉛筆を除く）</v>
          </cell>
        </row>
        <row r="625">
          <cell r="A625" t="str">
            <v>3269</v>
          </cell>
          <cell r="B625" t="str">
            <v>その他の事務用品製造業</v>
          </cell>
        </row>
        <row r="626">
          <cell r="A626" t="str">
            <v>3271</v>
          </cell>
          <cell r="B626" t="str">
            <v>漆器製造業</v>
          </cell>
        </row>
        <row r="627">
          <cell r="A627" t="str">
            <v>3281</v>
          </cell>
          <cell r="B627" t="str">
            <v>麦わら・パナマ類帽子・わら工品製造業</v>
          </cell>
        </row>
        <row r="628">
          <cell r="A628" t="str">
            <v>3282</v>
          </cell>
          <cell r="B628" t="str">
            <v>畳製造業</v>
          </cell>
        </row>
        <row r="629">
          <cell r="A629" t="str">
            <v>3283</v>
          </cell>
          <cell r="B629" t="str">
            <v>うちわ・扇子・ちょうちん製造業</v>
          </cell>
        </row>
        <row r="630">
          <cell r="A630" t="str">
            <v>3284</v>
          </cell>
          <cell r="B630" t="str">
            <v>ほうき・ブラシ製造業</v>
          </cell>
        </row>
        <row r="631">
          <cell r="A631" t="str">
            <v>3285</v>
          </cell>
          <cell r="B631" t="str">
            <v>喫煙用具製造業（貴金属・宝石製を除く）</v>
          </cell>
        </row>
        <row r="632">
          <cell r="A632" t="str">
            <v>3289</v>
          </cell>
          <cell r="B632" t="str">
            <v>その他の生活雑貨製品製造業</v>
          </cell>
        </row>
        <row r="633">
          <cell r="A633" t="str">
            <v>3291</v>
          </cell>
          <cell r="B633" t="str">
            <v>煙火製造業</v>
          </cell>
        </row>
        <row r="634">
          <cell r="A634" t="str">
            <v>3292</v>
          </cell>
          <cell r="B634" t="str">
            <v>看板・標識機製造業</v>
          </cell>
        </row>
        <row r="635">
          <cell r="A635" t="str">
            <v>3293</v>
          </cell>
          <cell r="B635" t="str">
            <v>パレット製造業</v>
          </cell>
        </row>
        <row r="636">
          <cell r="A636" t="str">
            <v>3294</v>
          </cell>
          <cell r="B636" t="str">
            <v>モデル・模型製造業</v>
          </cell>
        </row>
        <row r="637">
          <cell r="A637" t="str">
            <v>3295</v>
          </cell>
          <cell r="B637" t="str">
            <v>工業用模型製造業</v>
          </cell>
        </row>
        <row r="638">
          <cell r="A638" t="str">
            <v>3296</v>
          </cell>
          <cell r="B638" t="str">
            <v>情報記録物製造業（新聞、書籍等の印刷物を除く）</v>
          </cell>
        </row>
        <row r="639">
          <cell r="A639" t="str">
            <v>3297</v>
          </cell>
          <cell r="B639" t="str">
            <v>眼鏡製造業（枠を含む）</v>
          </cell>
        </row>
        <row r="640">
          <cell r="A640" t="str">
            <v>3299</v>
          </cell>
          <cell r="B640" t="str">
            <v>他に分類されないその他の製造業</v>
          </cell>
        </row>
        <row r="641">
          <cell r="A641" t="str">
            <v>3311</v>
          </cell>
          <cell r="B641" t="str">
            <v>発電所</v>
          </cell>
        </row>
        <row r="642">
          <cell r="A642" t="str">
            <v>3312</v>
          </cell>
          <cell r="B642" t="str">
            <v>変電所</v>
          </cell>
        </row>
        <row r="643">
          <cell r="A643" t="str">
            <v>3411</v>
          </cell>
          <cell r="B643" t="str">
            <v>ガス製造工場</v>
          </cell>
        </row>
        <row r="644">
          <cell r="A644" t="str">
            <v>3412</v>
          </cell>
          <cell r="B644" t="str">
            <v>ガス供給所</v>
          </cell>
        </row>
        <row r="645">
          <cell r="A645" t="str">
            <v>3511</v>
          </cell>
          <cell r="B645" t="str">
            <v>熱供給業</v>
          </cell>
        </row>
        <row r="646">
          <cell r="A646" t="str">
            <v>3611</v>
          </cell>
          <cell r="B646" t="str">
            <v>上水道業</v>
          </cell>
        </row>
        <row r="647">
          <cell r="A647" t="str">
            <v>3621</v>
          </cell>
          <cell r="B647" t="str">
            <v>工業用水道業</v>
          </cell>
        </row>
        <row r="648">
          <cell r="A648" t="str">
            <v>3631</v>
          </cell>
          <cell r="B648" t="str">
            <v>下水道処理施設維持管理業</v>
          </cell>
        </row>
        <row r="649">
          <cell r="A649" t="str">
            <v>3632</v>
          </cell>
          <cell r="B649" t="str">
            <v>下水道管路施設維持管理業</v>
          </cell>
        </row>
        <row r="650">
          <cell r="A650" t="str">
            <v>3711</v>
          </cell>
          <cell r="B650" t="str">
            <v>地域電気通信業（有線放送電話業を除く）</v>
          </cell>
        </row>
        <row r="651">
          <cell r="A651" t="str">
            <v>3712</v>
          </cell>
          <cell r="B651" t="str">
            <v>長距離電気通信業</v>
          </cell>
        </row>
        <row r="652">
          <cell r="A652" t="str">
            <v>3713</v>
          </cell>
          <cell r="B652" t="str">
            <v>有線放送電話業</v>
          </cell>
        </row>
        <row r="653">
          <cell r="A653" t="str">
            <v>3719</v>
          </cell>
          <cell r="B653" t="str">
            <v>その他の固定電気通信業</v>
          </cell>
        </row>
        <row r="654">
          <cell r="A654" t="str">
            <v>3721</v>
          </cell>
          <cell r="B654" t="str">
            <v>移動電気通信業</v>
          </cell>
        </row>
        <row r="655">
          <cell r="A655" t="str">
            <v>3731</v>
          </cell>
          <cell r="B655" t="str">
            <v>電気通信に附帯するサービス業</v>
          </cell>
        </row>
        <row r="656">
          <cell r="A656" t="str">
            <v>3821</v>
          </cell>
          <cell r="B656" t="str">
            <v>テレビジョン放送業（衛星放送業を除く）</v>
          </cell>
        </row>
        <row r="657">
          <cell r="A657" t="str">
            <v>3822</v>
          </cell>
          <cell r="B657" t="str">
            <v>ラジオ放送業（衛星放送業を除く）</v>
          </cell>
        </row>
        <row r="658">
          <cell r="A658" t="str">
            <v>3823</v>
          </cell>
          <cell r="B658" t="str">
            <v>衛星放送業</v>
          </cell>
        </row>
        <row r="659">
          <cell r="A659" t="str">
            <v>3829</v>
          </cell>
          <cell r="B659" t="str">
            <v>その他の民間放送業</v>
          </cell>
        </row>
        <row r="660">
          <cell r="A660" t="str">
            <v>3831</v>
          </cell>
          <cell r="B660" t="str">
            <v>有線テレビジョン放送業</v>
          </cell>
        </row>
        <row r="661">
          <cell r="A661" t="str">
            <v>3832</v>
          </cell>
          <cell r="B661" t="str">
            <v>有線ラジオ放送業</v>
          </cell>
        </row>
        <row r="662">
          <cell r="A662" t="str">
            <v>3911</v>
          </cell>
          <cell r="B662" t="str">
            <v>受託開発ソフトウェア業</v>
          </cell>
        </row>
        <row r="663">
          <cell r="A663" t="str">
            <v>3912</v>
          </cell>
          <cell r="B663" t="str">
            <v>組込みソフトウェア業</v>
          </cell>
        </row>
        <row r="664">
          <cell r="A664" t="str">
            <v>3913</v>
          </cell>
          <cell r="B664" t="str">
            <v>パッケージソフトウェア業</v>
          </cell>
        </row>
        <row r="665">
          <cell r="A665" t="str">
            <v>3914</v>
          </cell>
          <cell r="B665" t="str">
            <v>ゲームソフトウェア業</v>
          </cell>
        </row>
        <row r="666">
          <cell r="A666" t="str">
            <v>3921</v>
          </cell>
          <cell r="B666" t="str">
            <v>情報処理サービス業</v>
          </cell>
        </row>
        <row r="667">
          <cell r="A667" t="str">
            <v>3922</v>
          </cell>
          <cell r="B667" t="str">
            <v>情報提供サービス業</v>
          </cell>
        </row>
        <row r="668">
          <cell r="A668" t="str">
            <v>3923</v>
          </cell>
          <cell r="B668" t="str">
            <v>市場調査・世論調査・社会調査業</v>
          </cell>
        </row>
        <row r="669">
          <cell r="A669" t="str">
            <v>3929</v>
          </cell>
          <cell r="B669" t="str">
            <v>その他の情報処理・提供サービス業</v>
          </cell>
        </row>
        <row r="670">
          <cell r="A670" t="str">
            <v>4011</v>
          </cell>
          <cell r="B670" t="str">
            <v>ポータルサイト・サーバ運営業</v>
          </cell>
        </row>
        <row r="671">
          <cell r="A671" t="str">
            <v>4012</v>
          </cell>
          <cell r="B671" t="str">
            <v>アプリケーション・サービス・コンテンツ・プロバイダ</v>
          </cell>
        </row>
        <row r="672">
          <cell r="A672" t="str">
            <v>4013</v>
          </cell>
          <cell r="B672" t="str">
            <v>インターネット利用サポート業</v>
          </cell>
        </row>
        <row r="673">
          <cell r="A673" t="str">
            <v>4111</v>
          </cell>
          <cell r="B673" t="str">
            <v>映画・ビデオ制作業（テレビジョン番組制作業、アニメーション制作業を除く）</v>
          </cell>
        </row>
        <row r="674">
          <cell r="A674" t="str">
            <v>4112</v>
          </cell>
          <cell r="B674" t="str">
            <v>テレビジョン番組制作業（アニメーション制作業を除く）</v>
          </cell>
        </row>
        <row r="675">
          <cell r="A675" t="str">
            <v>4113</v>
          </cell>
          <cell r="B675" t="str">
            <v>アニメーション制作業</v>
          </cell>
        </row>
        <row r="676">
          <cell r="A676" t="str">
            <v>4114</v>
          </cell>
          <cell r="B676" t="str">
            <v>映画・ビデオ・テレビジョン番組配給業</v>
          </cell>
        </row>
        <row r="677">
          <cell r="A677" t="str">
            <v>4121</v>
          </cell>
          <cell r="B677" t="str">
            <v>レコード制作業</v>
          </cell>
        </row>
        <row r="678">
          <cell r="A678" t="str">
            <v>4122</v>
          </cell>
          <cell r="B678" t="str">
            <v>ラジオ番組制作業</v>
          </cell>
        </row>
        <row r="679">
          <cell r="A679" t="str">
            <v>4131</v>
          </cell>
          <cell r="B679" t="str">
            <v>新聞業</v>
          </cell>
        </row>
        <row r="680">
          <cell r="A680" t="str">
            <v>4141</v>
          </cell>
          <cell r="B680" t="str">
            <v>出版業</v>
          </cell>
        </row>
        <row r="681">
          <cell r="A681" t="str">
            <v>4151</v>
          </cell>
          <cell r="B681" t="str">
            <v>広告制作業</v>
          </cell>
        </row>
        <row r="682">
          <cell r="A682" t="str">
            <v>4161</v>
          </cell>
          <cell r="B682" t="str">
            <v>ニュース供給業</v>
          </cell>
        </row>
        <row r="683">
          <cell r="A683" t="str">
            <v>4169</v>
          </cell>
          <cell r="B683" t="str">
            <v>その他の映像・音声・文字情報制作に附帯するサービス業</v>
          </cell>
        </row>
        <row r="684">
          <cell r="A684" t="str">
            <v>4211</v>
          </cell>
          <cell r="B684" t="str">
            <v>普通鉄道業</v>
          </cell>
        </row>
        <row r="685">
          <cell r="A685" t="str">
            <v>4212</v>
          </cell>
          <cell r="B685" t="str">
            <v>軌道業</v>
          </cell>
        </row>
        <row r="686">
          <cell r="A686" t="str">
            <v>4213</v>
          </cell>
          <cell r="B686" t="str">
            <v>地下鉄道業</v>
          </cell>
        </row>
        <row r="687">
          <cell r="A687" t="str">
            <v>4214</v>
          </cell>
          <cell r="B687" t="str">
            <v>モノレール鉄道業（地下鉄道業を除く）</v>
          </cell>
        </row>
        <row r="688">
          <cell r="A688" t="str">
            <v>4215</v>
          </cell>
          <cell r="B688" t="str">
            <v>案内軌条式鉄道業（地下鉄道業を除く）</v>
          </cell>
        </row>
        <row r="689">
          <cell r="A689" t="str">
            <v>4216</v>
          </cell>
          <cell r="B689" t="str">
            <v>鋼索鉄道業</v>
          </cell>
        </row>
        <row r="690">
          <cell r="A690" t="str">
            <v>4217</v>
          </cell>
          <cell r="B690" t="str">
            <v>索道業</v>
          </cell>
        </row>
        <row r="691">
          <cell r="A691" t="str">
            <v>4219</v>
          </cell>
          <cell r="B691" t="str">
            <v>その他の鉄道業</v>
          </cell>
        </row>
        <row r="692">
          <cell r="A692" t="str">
            <v>4311</v>
          </cell>
          <cell r="B692" t="str">
            <v>一般乗合旅客自動車運送業</v>
          </cell>
        </row>
        <row r="693">
          <cell r="A693" t="str">
            <v>4321</v>
          </cell>
          <cell r="B693" t="str">
            <v>一般乗用旅客自動車運送業</v>
          </cell>
        </row>
        <row r="694">
          <cell r="A694" t="str">
            <v>4331</v>
          </cell>
          <cell r="B694" t="str">
            <v>一般貸切旅客自動車運送業</v>
          </cell>
        </row>
        <row r="695">
          <cell r="A695" t="str">
            <v>4391</v>
          </cell>
          <cell r="B695" t="str">
            <v>特定旅客自動車運送業</v>
          </cell>
        </row>
        <row r="696">
          <cell r="A696" t="str">
            <v>4399</v>
          </cell>
          <cell r="B696" t="str">
            <v>他に分類されない道路旅客運送業</v>
          </cell>
        </row>
        <row r="697">
          <cell r="A697" t="str">
            <v>4411</v>
          </cell>
          <cell r="B697" t="str">
            <v>一般貨物自動車運送業（特別積合せ貨物運送業を除く）</v>
          </cell>
        </row>
        <row r="698">
          <cell r="A698" t="str">
            <v>4412</v>
          </cell>
          <cell r="B698" t="str">
            <v>特別積合せ貨物運送業</v>
          </cell>
        </row>
        <row r="699">
          <cell r="A699" t="str">
            <v>4421</v>
          </cell>
          <cell r="B699" t="str">
            <v>特定貨物自動車運送業</v>
          </cell>
        </row>
        <row r="700">
          <cell r="A700" t="str">
            <v>4431</v>
          </cell>
          <cell r="B700" t="str">
            <v>貨物軽自動車運送業</v>
          </cell>
        </row>
        <row r="701">
          <cell r="A701" t="str">
            <v>4441</v>
          </cell>
          <cell r="B701" t="str">
            <v>集配利用運送業</v>
          </cell>
        </row>
        <row r="702">
          <cell r="A702" t="str">
            <v>4499</v>
          </cell>
          <cell r="B702" t="str">
            <v>その他の道路貨物運送業</v>
          </cell>
        </row>
        <row r="703">
          <cell r="A703" t="str">
            <v>4511</v>
          </cell>
          <cell r="B703" t="str">
            <v>外航旅客海運業</v>
          </cell>
        </row>
        <row r="704">
          <cell r="A704" t="str">
            <v>4512</v>
          </cell>
          <cell r="B704" t="str">
            <v>外航貨物海運業</v>
          </cell>
        </row>
        <row r="705">
          <cell r="A705" t="str">
            <v>4521</v>
          </cell>
          <cell r="B705" t="str">
            <v>沿海旅客海運業</v>
          </cell>
        </row>
        <row r="706">
          <cell r="A706" t="str">
            <v>4522</v>
          </cell>
          <cell r="B706" t="str">
            <v>沿海貨物海運業</v>
          </cell>
        </row>
        <row r="707">
          <cell r="A707" t="str">
            <v>4531</v>
          </cell>
          <cell r="B707" t="str">
            <v>港湾旅客海運業</v>
          </cell>
        </row>
        <row r="708">
          <cell r="A708" t="str">
            <v>4532</v>
          </cell>
          <cell r="B708" t="str">
            <v>河川水運業</v>
          </cell>
        </row>
        <row r="709">
          <cell r="A709" t="str">
            <v>4533</v>
          </cell>
          <cell r="B709" t="str">
            <v>湖沼水運業</v>
          </cell>
        </row>
        <row r="710">
          <cell r="A710" t="str">
            <v>4541</v>
          </cell>
          <cell r="B710" t="str">
            <v>船舶貸渡業（内航船舶貸渡業を除く）</v>
          </cell>
        </row>
        <row r="711">
          <cell r="A711" t="str">
            <v>4542</v>
          </cell>
          <cell r="B711" t="str">
            <v>内航船舶貸渡業</v>
          </cell>
        </row>
        <row r="712">
          <cell r="A712" t="str">
            <v>4611</v>
          </cell>
          <cell r="B712" t="str">
            <v>航空運送業</v>
          </cell>
        </row>
        <row r="713">
          <cell r="A713" t="str">
            <v>4621</v>
          </cell>
          <cell r="B713" t="str">
            <v>航空機使用業（航空運送業を除く）</v>
          </cell>
        </row>
        <row r="714">
          <cell r="A714" t="str">
            <v>4711</v>
          </cell>
          <cell r="B714" t="str">
            <v>倉庫業（冷蔵倉庫業を除く）</v>
          </cell>
        </row>
        <row r="715">
          <cell r="A715" t="str">
            <v>4721</v>
          </cell>
          <cell r="B715" t="str">
            <v>冷蔵倉庫業</v>
          </cell>
        </row>
        <row r="716">
          <cell r="A716" t="str">
            <v>4811</v>
          </cell>
          <cell r="B716" t="str">
            <v>港湾運送業</v>
          </cell>
        </row>
        <row r="717">
          <cell r="A717" t="str">
            <v>4821</v>
          </cell>
          <cell r="B717" t="str">
            <v>利用運送業（集配利用運送業を除く）</v>
          </cell>
        </row>
        <row r="718">
          <cell r="A718" t="str">
            <v>4822</v>
          </cell>
          <cell r="B718" t="str">
            <v>運送取次業</v>
          </cell>
        </row>
        <row r="719">
          <cell r="A719" t="str">
            <v>4831</v>
          </cell>
          <cell r="B719" t="str">
            <v>運送代理店</v>
          </cell>
        </row>
        <row r="720">
          <cell r="A720" t="str">
            <v>4841</v>
          </cell>
          <cell r="B720" t="str">
            <v>こん包業（組立こん包業を除く）</v>
          </cell>
        </row>
        <row r="721">
          <cell r="A721" t="str">
            <v>4842</v>
          </cell>
          <cell r="B721" t="str">
            <v>組立こん包業</v>
          </cell>
        </row>
        <row r="722">
          <cell r="A722" t="str">
            <v>4851</v>
          </cell>
          <cell r="B722" t="str">
            <v>鉄道施設提供業</v>
          </cell>
        </row>
        <row r="723">
          <cell r="A723" t="str">
            <v>4852</v>
          </cell>
          <cell r="B723" t="str">
            <v>道路運送固定施設業</v>
          </cell>
        </row>
        <row r="724">
          <cell r="A724" t="str">
            <v>4853</v>
          </cell>
          <cell r="B724" t="str">
            <v>自動車ターミナル業</v>
          </cell>
        </row>
        <row r="725">
          <cell r="A725" t="str">
            <v>4854</v>
          </cell>
          <cell r="B725" t="str">
            <v>貨物荷扱固定施設業</v>
          </cell>
        </row>
        <row r="726">
          <cell r="A726" t="str">
            <v>4855</v>
          </cell>
          <cell r="B726" t="str">
            <v>桟橋泊きょ業</v>
          </cell>
        </row>
        <row r="727">
          <cell r="A727" t="str">
            <v>4856</v>
          </cell>
          <cell r="B727" t="str">
            <v>飛行場業</v>
          </cell>
        </row>
        <row r="728">
          <cell r="A728" t="str">
            <v>4891</v>
          </cell>
          <cell r="B728" t="str">
            <v>海運仲立業</v>
          </cell>
        </row>
        <row r="729">
          <cell r="A729" t="str">
            <v>4899</v>
          </cell>
          <cell r="B729" t="str">
            <v>他に分類されない運輸に附帯するサービス業</v>
          </cell>
        </row>
        <row r="730">
          <cell r="A730" t="str">
            <v>4911</v>
          </cell>
          <cell r="B730" t="str">
            <v>郵便業（信書便事業を含む）</v>
          </cell>
        </row>
        <row r="731">
          <cell r="A731" t="str">
            <v>5011</v>
          </cell>
          <cell r="B731" t="str">
            <v>各種商品卸売業（従業者が常時100人以上のもの）</v>
          </cell>
        </row>
        <row r="732">
          <cell r="A732" t="str">
            <v>5019</v>
          </cell>
          <cell r="B732" t="str">
            <v>その他の各種商品卸売業</v>
          </cell>
        </row>
        <row r="733">
          <cell r="A733" t="str">
            <v>5111</v>
          </cell>
          <cell r="B733" t="str">
            <v>繊維原料卸売業</v>
          </cell>
        </row>
        <row r="734">
          <cell r="A734" t="str">
            <v>5112</v>
          </cell>
          <cell r="B734" t="str">
            <v>糸卸売業</v>
          </cell>
        </row>
        <row r="735">
          <cell r="A735" t="str">
            <v>5113</v>
          </cell>
          <cell r="B735" t="str">
            <v>織物卸売業（室内装飾繊維品を除く）</v>
          </cell>
        </row>
        <row r="736">
          <cell r="A736" t="str">
            <v>5121</v>
          </cell>
          <cell r="B736" t="str">
            <v>男子服卸売業</v>
          </cell>
        </row>
        <row r="737">
          <cell r="A737" t="str">
            <v>5122</v>
          </cell>
          <cell r="B737" t="str">
            <v>婦人・子供服卸売業</v>
          </cell>
        </row>
        <row r="738">
          <cell r="A738" t="str">
            <v>5123</v>
          </cell>
          <cell r="B738" t="str">
            <v>下着類卸売業</v>
          </cell>
        </row>
        <row r="739">
          <cell r="A739" t="str">
            <v>5129</v>
          </cell>
          <cell r="B739" t="str">
            <v>その他の衣服卸売業</v>
          </cell>
        </row>
        <row r="740">
          <cell r="A740" t="str">
            <v>5131</v>
          </cell>
          <cell r="B740" t="str">
            <v>寝具類卸売業</v>
          </cell>
        </row>
        <row r="741">
          <cell r="A741" t="str">
            <v>5132</v>
          </cell>
          <cell r="B741" t="str">
            <v>靴・履物卸売業</v>
          </cell>
        </row>
        <row r="742">
          <cell r="A742" t="str">
            <v>5133</v>
          </cell>
          <cell r="B742" t="str">
            <v>かばん・袋物卸売業</v>
          </cell>
        </row>
        <row r="743">
          <cell r="A743" t="str">
            <v>5139</v>
          </cell>
          <cell r="B743" t="str">
            <v>その他の身の回り品卸売業</v>
          </cell>
        </row>
        <row r="744">
          <cell r="A744" t="str">
            <v>5211</v>
          </cell>
          <cell r="B744" t="str">
            <v>米麦卸売業</v>
          </cell>
        </row>
        <row r="745">
          <cell r="A745" t="str">
            <v>5212</v>
          </cell>
          <cell r="B745" t="str">
            <v>雑穀・豆類卸売業</v>
          </cell>
        </row>
        <row r="746">
          <cell r="A746" t="str">
            <v>5213</v>
          </cell>
          <cell r="B746" t="str">
            <v>野菜卸売業</v>
          </cell>
        </row>
        <row r="747">
          <cell r="A747" t="str">
            <v>5214</v>
          </cell>
          <cell r="B747" t="str">
            <v>果実卸売業</v>
          </cell>
        </row>
        <row r="748">
          <cell r="A748" t="str">
            <v>5215</v>
          </cell>
          <cell r="B748" t="str">
            <v>食肉卸売業</v>
          </cell>
        </row>
        <row r="749">
          <cell r="A749" t="str">
            <v>5216</v>
          </cell>
          <cell r="B749" t="str">
            <v>生鮮魚介卸売業</v>
          </cell>
        </row>
        <row r="750">
          <cell r="A750" t="str">
            <v>5219</v>
          </cell>
          <cell r="B750" t="str">
            <v>その他の農畜産物・水産物卸売業</v>
          </cell>
        </row>
        <row r="751">
          <cell r="A751" t="str">
            <v>5221</v>
          </cell>
          <cell r="B751" t="str">
            <v>砂糖・味そ・しょう油卸売業</v>
          </cell>
        </row>
        <row r="752">
          <cell r="A752" t="str">
            <v>5222</v>
          </cell>
          <cell r="B752" t="str">
            <v>酒類卸売業</v>
          </cell>
        </row>
        <row r="753">
          <cell r="A753" t="str">
            <v>5223</v>
          </cell>
          <cell r="B753" t="str">
            <v>乾物卸売業</v>
          </cell>
        </row>
        <row r="754">
          <cell r="A754" t="str">
            <v>5224</v>
          </cell>
          <cell r="B754" t="str">
            <v>菓子・パン類卸売業</v>
          </cell>
        </row>
        <row r="755">
          <cell r="A755" t="str">
            <v>5225</v>
          </cell>
          <cell r="B755" t="str">
            <v>飲料卸売業（別掲を除く）</v>
          </cell>
        </row>
        <row r="756">
          <cell r="A756" t="str">
            <v>5226</v>
          </cell>
          <cell r="B756" t="str">
            <v>茶類卸売業</v>
          </cell>
        </row>
        <row r="757">
          <cell r="A757" t="str">
            <v>5227</v>
          </cell>
          <cell r="B757" t="str">
            <v>牛乳・乳製品卸売業</v>
          </cell>
        </row>
        <row r="758">
          <cell r="A758" t="str">
            <v>5229</v>
          </cell>
          <cell r="B758" t="str">
            <v>その他の食料・飲料卸売業</v>
          </cell>
        </row>
        <row r="759">
          <cell r="A759" t="str">
            <v>5311</v>
          </cell>
          <cell r="B759" t="str">
            <v>木材・竹材卸売業</v>
          </cell>
        </row>
        <row r="760">
          <cell r="A760" t="str">
            <v>5312</v>
          </cell>
          <cell r="B760" t="str">
            <v>セメント卸売業</v>
          </cell>
        </row>
        <row r="761">
          <cell r="A761" t="str">
            <v>5313</v>
          </cell>
          <cell r="B761" t="str">
            <v>板ガラス卸売業</v>
          </cell>
        </row>
        <row r="762">
          <cell r="A762" t="str">
            <v>5314</v>
          </cell>
          <cell r="B762" t="str">
            <v>建築用金属製品卸売業（建築用金物を除く）</v>
          </cell>
        </row>
        <row r="763">
          <cell r="A763" t="str">
            <v>5319</v>
          </cell>
          <cell r="B763" t="str">
            <v>その他の建築材料卸売業</v>
          </cell>
        </row>
        <row r="764">
          <cell r="A764" t="str">
            <v>5321</v>
          </cell>
          <cell r="B764" t="str">
            <v>塗料卸売業</v>
          </cell>
        </row>
        <row r="765">
          <cell r="A765" t="str">
            <v>5322</v>
          </cell>
          <cell r="B765" t="str">
            <v>プラスチック卸売業</v>
          </cell>
        </row>
        <row r="766">
          <cell r="A766" t="str">
            <v>5329</v>
          </cell>
          <cell r="B766" t="str">
            <v>その他の化学製品卸売業</v>
          </cell>
        </row>
        <row r="767">
          <cell r="A767" t="str">
            <v>5331</v>
          </cell>
          <cell r="B767" t="str">
            <v>石油卸売業</v>
          </cell>
        </row>
        <row r="768">
          <cell r="A768" t="str">
            <v>5332</v>
          </cell>
          <cell r="B768" t="str">
            <v>鉱物卸売業（石油を除く）</v>
          </cell>
        </row>
        <row r="769">
          <cell r="A769" t="str">
            <v>5341</v>
          </cell>
          <cell r="B769" t="str">
            <v>鉄鋼粗製品卸売業</v>
          </cell>
        </row>
        <row r="770">
          <cell r="A770" t="str">
            <v>5342</v>
          </cell>
          <cell r="B770" t="str">
            <v>鉄鋼一次製品卸売業</v>
          </cell>
        </row>
        <row r="771">
          <cell r="A771" t="str">
            <v>5349</v>
          </cell>
          <cell r="B771" t="str">
            <v>その他の鉄鋼製品卸売業</v>
          </cell>
        </row>
        <row r="772">
          <cell r="A772" t="str">
            <v>5351</v>
          </cell>
          <cell r="B772" t="str">
            <v>非鉄金属地金卸売業</v>
          </cell>
        </row>
        <row r="773">
          <cell r="A773" t="str">
            <v>5352</v>
          </cell>
          <cell r="B773" t="str">
            <v>非鉄金属製品卸売業</v>
          </cell>
        </row>
        <row r="774">
          <cell r="A774" t="str">
            <v>5361</v>
          </cell>
          <cell r="B774" t="str">
            <v>空瓶・空缶等空容器卸売業</v>
          </cell>
        </row>
        <row r="775">
          <cell r="A775" t="str">
            <v>5362</v>
          </cell>
          <cell r="B775" t="str">
            <v>鉄スクラップ卸売業</v>
          </cell>
        </row>
        <row r="776">
          <cell r="A776" t="str">
            <v>5363</v>
          </cell>
          <cell r="B776" t="str">
            <v>非鉄金属スクラップ卸売業</v>
          </cell>
        </row>
        <row r="777">
          <cell r="A777" t="str">
            <v>5364</v>
          </cell>
          <cell r="B777" t="str">
            <v>古紙卸売業</v>
          </cell>
        </row>
        <row r="778">
          <cell r="A778" t="str">
            <v>5369</v>
          </cell>
          <cell r="B778" t="str">
            <v>その他の再生資源卸売業</v>
          </cell>
        </row>
        <row r="779">
          <cell r="A779" t="str">
            <v>5411</v>
          </cell>
          <cell r="B779" t="str">
            <v>農業用機械器具卸売業</v>
          </cell>
        </row>
        <row r="780">
          <cell r="A780" t="str">
            <v>5412</v>
          </cell>
          <cell r="B780" t="str">
            <v>建設機械・鉱山機械卸売業</v>
          </cell>
        </row>
        <row r="781">
          <cell r="A781" t="str">
            <v>5413</v>
          </cell>
          <cell r="B781" t="str">
            <v>金属加工機械卸売業</v>
          </cell>
        </row>
        <row r="782">
          <cell r="A782" t="str">
            <v>5414</v>
          </cell>
          <cell r="B782" t="str">
            <v>事務用機械器具卸売業</v>
          </cell>
        </row>
        <row r="783">
          <cell r="A783" t="str">
            <v>5419</v>
          </cell>
          <cell r="B783" t="str">
            <v>その他の産業機械器具卸売業</v>
          </cell>
        </row>
        <row r="784">
          <cell r="A784" t="str">
            <v>5421</v>
          </cell>
          <cell r="B784" t="str">
            <v>自動車卸売業（二輪自動車を含む）</v>
          </cell>
        </row>
        <row r="785">
          <cell r="A785" t="str">
            <v>5422</v>
          </cell>
          <cell r="B785" t="str">
            <v>自動車部分品・附属品卸売業（中古品を除く）</v>
          </cell>
        </row>
        <row r="786">
          <cell r="A786" t="str">
            <v>5423</v>
          </cell>
          <cell r="B786" t="str">
            <v>自動車中古部品卸売業</v>
          </cell>
        </row>
        <row r="787">
          <cell r="A787" t="str">
            <v>5431</v>
          </cell>
          <cell r="B787" t="str">
            <v>家庭用電気機械器具卸売業</v>
          </cell>
        </row>
        <row r="788">
          <cell r="A788" t="str">
            <v>5432</v>
          </cell>
          <cell r="B788" t="str">
            <v>電気機械器具卸売業（家庭用電気機械器具を除く）</v>
          </cell>
        </row>
        <row r="789">
          <cell r="A789" t="str">
            <v>5491</v>
          </cell>
          <cell r="B789" t="str">
            <v>輸送用機械器具卸売業（自動車を除く）</v>
          </cell>
        </row>
        <row r="790">
          <cell r="A790" t="str">
            <v>5492</v>
          </cell>
          <cell r="B790" t="str">
            <v>計量器・理化学機械器具・光学機械器具等卸売業</v>
          </cell>
        </row>
        <row r="791">
          <cell r="A791" t="str">
            <v>5493</v>
          </cell>
          <cell r="B791" t="str">
            <v>医療用機械器具卸売業（歯科用機械器具を含む）</v>
          </cell>
        </row>
        <row r="792">
          <cell r="A792" t="str">
            <v>5511</v>
          </cell>
          <cell r="B792" t="str">
            <v>家具・建具卸売業</v>
          </cell>
        </row>
        <row r="793">
          <cell r="A793" t="str">
            <v>5512</v>
          </cell>
          <cell r="B793" t="str">
            <v>荒物卸売業</v>
          </cell>
        </row>
        <row r="794">
          <cell r="A794" t="str">
            <v>5513</v>
          </cell>
          <cell r="B794" t="str">
            <v>畳卸売業</v>
          </cell>
        </row>
        <row r="795">
          <cell r="A795" t="str">
            <v>5514</v>
          </cell>
          <cell r="B795" t="str">
            <v>室内装飾繊維品卸売業</v>
          </cell>
        </row>
        <row r="796">
          <cell r="A796" t="str">
            <v>5515</v>
          </cell>
          <cell r="B796" t="str">
            <v>陶磁器・ガラス器卸売業</v>
          </cell>
        </row>
        <row r="797">
          <cell r="A797" t="str">
            <v>5519</v>
          </cell>
          <cell r="B797" t="str">
            <v>その他のじゅう器卸売業</v>
          </cell>
        </row>
        <row r="798">
          <cell r="A798" t="str">
            <v>5521</v>
          </cell>
          <cell r="B798" t="str">
            <v>医薬品卸売業</v>
          </cell>
        </row>
        <row r="799">
          <cell r="A799" t="str">
            <v>5522</v>
          </cell>
          <cell r="B799" t="str">
            <v>医療用品卸売業</v>
          </cell>
        </row>
        <row r="800">
          <cell r="A800" t="str">
            <v>5523</v>
          </cell>
          <cell r="B800" t="str">
            <v>化粧品卸売業</v>
          </cell>
        </row>
        <row r="801">
          <cell r="A801" t="str">
            <v>5524</v>
          </cell>
          <cell r="B801" t="str">
            <v>合成洗剤卸売業</v>
          </cell>
        </row>
        <row r="802">
          <cell r="A802" t="str">
            <v>5531</v>
          </cell>
          <cell r="B802" t="str">
            <v>紙卸売業</v>
          </cell>
        </row>
        <row r="803">
          <cell r="A803" t="str">
            <v>5532</v>
          </cell>
          <cell r="B803" t="str">
            <v>紙製品卸売業</v>
          </cell>
        </row>
        <row r="804">
          <cell r="A804" t="str">
            <v>5591</v>
          </cell>
          <cell r="B804" t="str">
            <v>金物卸売業</v>
          </cell>
        </row>
        <row r="805">
          <cell r="A805" t="str">
            <v>5592</v>
          </cell>
          <cell r="B805" t="str">
            <v>肥料・飼料卸売業</v>
          </cell>
        </row>
        <row r="806">
          <cell r="A806" t="str">
            <v>5593</v>
          </cell>
          <cell r="B806" t="str">
            <v>スポーツ用品卸売業</v>
          </cell>
        </row>
        <row r="807">
          <cell r="A807" t="str">
            <v>5594</v>
          </cell>
          <cell r="B807" t="str">
            <v>娯楽用品・がん具卸売業</v>
          </cell>
        </row>
        <row r="808">
          <cell r="A808" t="str">
            <v>5595</v>
          </cell>
          <cell r="B808" t="str">
            <v>たばこ卸売業</v>
          </cell>
        </row>
        <row r="809">
          <cell r="A809" t="str">
            <v>5596</v>
          </cell>
          <cell r="B809" t="str">
            <v>ジュエリー製品卸売業</v>
          </cell>
        </row>
        <row r="810">
          <cell r="A810" t="str">
            <v>5597</v>
          </cell>
          <cell r="B810" t="str">
            <v>書籍・雑誌卸売業</v>
          </cell>
        </row>
        <row r="811">
          <cell r="A811" t="str">
            <v>5598</v>
          </cell>
          <cell r="B811" t="str">
            <v>代理商、仲立業</v>
          </cell>
        </row>
        <row r="812">
          <cell r="A812" t="str">
            <v>5599</v>
          </cell>
          <cell r="B812" t="str">
            <v>他に分類されないその他の卸売業</v>
          </cell>
        </row>
        <row r="813">
          <cell r="A813" t="str">
            <v>5611</v>
          </cell>
          <cell r="B813" t="str">
            <v>百貨店、総合スーパー</v>
          </cell>
        </row>
        <row r="814">
          <cell r="A814" t="str">
            <v>5699</v>
          </cell>
          <cell r="B814" t="str">
            <v>その他の各種商品小売業（従業者が常時50人未満のもの）</v>
          </cell>
        </row>
        <row r="815">
          <cell r="A815" t="str">
            <v>5711</v>
          </cell>
          <cell r="B815" t="str">
            <v>呉服・服地小売業</v>
          </cell>
        </row>
        <row r="816">
          <cell r="A816" t="str">
            <v>5712</v>
          </cell>
          <cell r="B816" t="str">
            <v>寝具小売業</v>
          </cell>
        </row>
        <row r="817">
          <cell r="A817" t="str">
            <v>5721</v>
          </cell>
          <cell r="B817" t="str">
            <v>男子服小売業</v>
          </cell>
        </row>
        <row r="818">
          <cell r="A818" t="str">
            <v>5731</v>
          </cell>
          <cell r="B818" t="str">
            <v>婦人服小売業</v>
          </cell>
        </row>
        <row r="819">
          <cell r="A819" t="str">
            <v>5732</v>
          </cell>
          <cell r="B819" t="str">
            <v>子供服小売業</v>
          </cell>
        </row>
        <row r="820">
          <cell r="A820" t="str">
            <v>5741</v>
          </cell>
          <cell r="B820" t="str">
            <v>靴小売業</v>
          </cell>
        </row>
        <row r="821">
          <cell r="A821" t="str">
            <v>5742</v>
          </cell>
          <cell r="B821" t="str">
            <v>履物小売業（靴を除く）</v>
          </cell>
        </row>
        <row r="822">
          <cell r="A822" t="str">
            <v>5791</v>
          </cell>
          <cell r="B822" t="str">
            <v>かばん・袋物小売業</v>
          </cell>
        </row>
        <row r="823">
          <cell r="A823" t="str">
            <v>5792</v>
          </cell>
          <cell r="B823" t="str">
            <v>下着類小売業</v>
          </cell>
        </row>
        <row r="824">
          <cell r="A824" t="str">
            <v>5793</v>
          </cell>
          <cell r="B824" t="str">
            <v>洋品雑貨・小間物小売業</v>
          </cell>
        </row>
        <row r="825">
          <cell r="A825" t="str">
            <v>5799</v>
          </cell>
          <cell r="B825" t="str">
            <v>他に分類されない織物・衣服・身の回り品小売業</v>
          </cell>
        </row>
        <row r="826">
          <cell r="A826" t="str">
            <v>5811</v>
          </cell>
          <cell r="B826" t="str">
            <v>各種食料品小売業</v>
          </cell>
        </row>
        <row r="827">
          <cell r="A827" t="str">
            <v>5821</v>
          </cell>
          <cell r="B827" t="str">
            <v>野菜小売業</v>
          </cell>
        </row>
        <row r="828">
          <cell r="A828" t="str">
            <v>5822</v>
          </cell>
          <cell r="B828" t="str">
            <v>果実小売業</v>
          </cell>
        </row>
        <row r="829">
          <cell r="A829" t="str">
            <v>5831</v>
          </cell>
          <cell r="B829" t="str">
            <v>食肉小売業（卵、鳥肉を除く）</v>
          </cell>
        </row>
        <row r="830">
          <cell r="A830" t="str">
            <v>5832</v>
          </cell>
          <cell r="B830" t="str">
            <v>卵・鳥肉小売業</v>
          </cell>
        </row>
        <row r="831">
          <cell r="A831" t="str">
            <v>5841</v>
          </cell>
          <cell r="B831" t="str">
            <v>鮮魚小売業</v>
          </cell>
        </row>
        <row r="832">
          <cell r="A832" t="str">
            <v>5851</v>
          </cell>
          <cell r="B832" t="str">
            <v>酒小売業</v>
          </cell>
        </row>
        <row r="833">
          <cell r="A833" t="str">
            <v>5861</v>
          </cell>
          <cell r="B833" t="str">
            <v>菓子小売業（製造小売）</v>
          </cell>
        </row>
        <row r="834">
          <cell r="A834" t="str">
            <v>5862</v>
          </cell>
          <cell r="B834" t="str">
            <v>菓子小売業（製造小売でないもの）</v>
          </cell>
        </row>
        <row r="835">
          <cell r="A835" t="str">
            <v>5863</v>
          </cell>
          <cell r="B835" t="str">
            <v>パン小売業（製造小売）</v>
          </cell>
        </row>
        <row r="836">
          <cell r="A836" t="str">
            <v>5864</v>
          </cell>
          <cell r="B836" t="str">
            <v>パン小売業（製造小売でないもの）</v>
          </cell>
        </row>
        <row r="837">
          <cell r="A837" t="str">
            <v>5891</v>
          </cell>
          <cell r="B837" t="str">
            <v>コンビニエンスストア（飲食料品を中心とするものに限る）</v>
          </cell>
        </row>
        <row r="838">
          <cell r="A838" t="str">
            <v>5892</v>
          </cell>
          <cell r="B838" t="str">
            <v>牛乳小売業</v>
          </cell>
        </row>
        <row r="839">
          <cell r="A839" t="str">
            <v>5893</v>
          </cell>
          <cell r="B839" t="str">
            <v>飲料小売業（別掲を除く）</v>
          </cell>
        </row>
        <row r="840">
          <cell r="A840" t="str">
            <v>5894</v>
          </cell>
          <cell r="B840" t="str">
            <v>茶類小売業</v>
          </cell>
        </row>
        <row r="841">
          <cell r="A841" t="str">
            <v>5895</v>
          </cell>
          <cell r="B841" t="str">
            <v>料理品小売業</v>
          </cell>
        </row>
        <row r="842">
          <cell r="A842" t="str">
            <v>5896</v>
          </cell>
          <cell r="B842" t="str">
            <v>米穀類小売業</v>
          </cell>
        </row>
        <row r="843">
          <cell r="A843" t="str">
            <v>5897</v>
          </cell>
          <cell r="B843" t="str">
            <v>豆腐・かまぼこ等加工食品小売業</v>
          </cell>
        </row>
        <row r="844">
          <cell r="A844" t="str">
            <v>5898</v>
          </cell>
          <cell r="B844" t="str">
            <v>乾物小売業</v>
          </cell>
        </row>
        <row r="845">
          <cell r="A845" t="str">
            <v>5899</v>
          </cell>
          <cell r="B845" t="str">
            <v>他に分類されない飲食料品小売業</v>
          </cell>
        </row>
        <row r="846">
          <cell r="A846" t="str">
            <v>5911</v>
          </cell>
          <cell r="B846" t="str">
            <v>自動車（新車）小売業</v>
          </cell>
        </row>
        <row r="847">
          <cell r="A847" t="str">
            <v>5912</v>
          </cell>
          <cell r="B847" t="str">
            <v>中古自動車小売業</v>
          </cell>
        </row>
        <row r="848">
          <cell r="A848" t="str">
            <v>5913</v>
          </cell>
          <cell r="B848" t="str">
            <v>自動車部分品・附属品小売業</v>
          </cell>
        </row>
        <row r="849">
          <cell r="A849" t="str">
            <v>5914</v>
          </cell>
          <cell r="B849" t="str">
            <v>二輪自動車小売業（原動機付自転車を含む）</v>
          </cell>
        </row>
        <row r="850">
          <cell r="A850" t="str">
            <v>5921</v>
          </cell>
          <cell r="B850" t="str">
            <v>自転車小売業</v>
          </cell>
        </row>
        <row r="851">
          <cell r="A851" t="str">
            <v>5931</v>
          </cell>
          <cell r="B851" t="str">
            <v>電気機械器具小売業（中古品を除く）</v>
          </cell>
        </row>
        <row r="852">
          <cell r="A852" t="str">
            <v>5932</v>
          </cell>
          <cell r="B852" t="str">
            <v>電気事務機械器具小売業（中古品を除く）</v>
          </cell>
        </row>
        <row r="853">
          <cell r="A853" t="str">
            <v>5933</v>
          </cell>
          <cell r="B853" t="str">
            <v>中古電気製品小売業</v>
          </cell>
        </row>
        <row r="854">
          <cell r="A854" t="str">
            <v>5939</v>
          </cell>
          <cell r="B854" t="str">
            <v>その他の機械器具小売業</v>
          </cell>
        </row>
        <row r="855">
          <cell r="A855" t="str">
            <v>6011</v>
          </cell>
          <cell r="B855" t="str">
            <v>家具小売業</v>
          </cell>
        </row>
        <row r="856">
          <cell r="A856" t="str">
            <v>6012</v>
          </cell>
          <cell r="B856" t="str">
            <v>建具小売業</v>
          </cell>
        </row>
        <row r="857">
          <cell r="A857" t="str">
            <v>6013</v>
          </cell>
          <cell r="B857" t="str">
            <v>畳小売業</v>
          </cell>
        </row>
        <row r="858">
          <cell r="A858" t="str">
            <v>6014</v>
          </cell>
          <cell r="B858" t="str">
            <v>宗教用具小売業</v>
          </cell>
        </row>
        <row r="859">
          <cell r="A859" t="str">
            <v>6021</v>
          </cell>
          <cell r="B859" t="str">
            <v>金物小売業</v>
          </cell>
        </row>
        <row r="860">
          <cell r="A860" t="str">
            <v>6022</v>
          </cell>
          <cell r="B860" t="str">
            <v>荒物小売業</v>
          </cell>
        </row>
        <row r="861">
          <cell r="A861" t="str">
            <v>6023</v>
          </cell>
          <cell r="B861" t="str">
            <v>陶磁器・ガラス器小売業</v>
          </cell>
        </row>
        <row r="862">
          <cell r="A862" t="str">
            <v>6029</v>
          </cell>
          <cell r="B862" t="str">
            <v>他に分類されないじゅう器小売業</v>
          </cell>
        </row>
        <row r="863">
          <cell r="A863" t="str">
            <v>6031</v>
          </cell>
          <cell r="B863" t="str">
            <v>ドラッグストア</v>
          </cell>
        </row>
        <row r="864">
          <cell r="A864" t="str">
            <v>6032</v>
          </cell>
          <cell r="B864" t="str">
            <v>医薬品小売業（調剤薬局を除く）</v>
          </cell>
        </row>
        <row r="865">
          <cell r="A865" t="str">
            <v>6033</v>
          </cell>
          <cell r="B865" t="str">
            <v>調剤薬局</v>
          </cell>
        </row>
        <row r="866">
          <cell r="A866" t="str">
            <v>6034</v>
          </cell>
          <cell r="B866" t="str">
            <v>化粧品小売業</v>
          </cell>
        </row>
        <row r="867">
          <cell r="A867" t="str">
            <v>6041</v>
          </cell>
          <cell r="B867" t="str">
            <v>農業用機械器具小売業</v>
          </cell>
        </row>
        <row r="868">
          <cell r="A868" t="str">
            <v>6042</v>
          </cell>
          <cell r="B868" t="str">
            <v>苗・種子小売業</v>
          </cell>
        </row>
        <row r="869">
          <cell r="A869" t="str">
            <v>6043</v>
          </cell>
          <cell r="B869" t="str">
            <v>肥料・飼料小売業</v>
          </cell>
        </row>
        <row r="870">
          <cell r="A870" t="str">
            <v>6051</v>
          </cell>
          <cell r="B870" t="str">
            <v>ガソリンスタンド</v>
          </cell>
        </row>
        <row r="871">
          <cell r="A871" t="str">
            <v>6052</v>
          </cell>
          <cell r="B871" t="str">
            <v>燃料小売業（ガソリンスタンドを除く）</v>
          </cell>
        </row>
        <row r="872">
          <cell r="A872" t="str">
            <v>6061</v>
          </cell>
          <cell r="B872" t="str">
            <v>書籍・雑誌小売業（古本を除く）</v>
          </cell>
        </row>
        <row r="873">
          <cell r="A873" t="str">
            <v>6062</v>
          </cell>
          <cell r="B873" t="str">
            <v>古本小売業</v>
          </cell>
        </row>
        <row r="874">
          <cell r="A874" t="str">
            <v>6063</v>
          </cell>
          <cell r="B874" t="str">
            <v>新聞小売業</v>
          </cell>
        </row>
        <row r="875">
          <cell r="A875" t="str">
            <v>6064</v>
          </cell>
          <cell r="B875" t="str">
            <v>紙・文房具小売業</v>
          </cell>
        </row>
        <row r="876">
          <cell r="A876" t="str">
            <v>6071</v>
          </cell>
          <cell r="B876" t="str">
            <v>スポーツ用品小売業</v>
          </cell>
        </row>
        <row r="877">
          <cell r="A877" t="str">
            <v>6072</v>
          </cell>
          <cell r="B877" t="str">
            <v>がん具・娯楽用品小売業</v>
          </cell>
        </row>
        <row r="878">
          <cell r="A878" t="str">
            <v>6073</v>
          </cell>
          <cell r="B878" t="str">
            <v>楽器小売業</v>
          </cell>
        </row>
        <row r="879">
          <cell r="A879" t="str">
            <v>6081</v>
          </cell>
          <cell r="B879" t="str">
            <v>写真機・写真材料小売業</v>
          </cell>
        </row>
        <row r="880">
          <cell r="A880" t="str">
            <v>6082</v>
          </cell>
          <cell r="B880" t="str">
            <v>時計・眼鏡・光学機械小売業</v>
          </cell>
        </row>
        <row r="881">
          <cell r="A881" t="str">
            <v>6091</v>
          </cell>
          <cell r="B881" t="str">
            <v>ホームセンター</v>
          </cell>
        </row>
        <row r="882">
          <cell r="A882" t="str">
            <v>6092</v>
          </cell>
          <cell r="B882" t="str">
            <v>たばこ・喫煙具専門小売業</v>
          </cell>
        </row>
        <row r="883">
          <cell r="A883" t="str">
            <v>6093</v>
          </cell>
          <cell r="B883" t="str">
            <v>花・植木小売業</v>
          </cell>
        </row>
        <row r="884">
          <cell r="A884" t="str">
            <v>6094</v>
          </cell>
          <cell r="B884" t="str">
            <v>建築材料小売業</v>
          </cell>
        </row>
        <row r="885">
          <cell r="A885" t="str">
            <v>6095</v>
          </cell>
          <cell r="B885" t="str">
            <v>ジュエリー製品小売業</v>
          </cell>
        </row>
        <row r="886">
          <cell r="A886" t="str">
            <v>6096</v>
          </cell>
          <cell r="B886" t="str">
            <v>ペット・ペット用品小売業</v>
          </cell>
        </row>
        <row r="887">
          <cell r="A887" t="str">
            <v>6097</v>
          </cell>
          <cell r="B887" t="str">
            <v>骨とう品小売業</v>
          </cell>
        </row>
        <row r="888">
          <cell r="A888" t="str">
            <v>6098</v>
          </cell>
          <cell r="B888" t="str">
            <v>中古品小売業（骨とう品を除く）</v>
          </cell>
        </row>
        <row r="889">
          <cell r="A889" t="str">
            <v>6099</v>
          </cell>
          <cell r="B889" t="str">
            <v>他に分類されないその他の小売業</v>
          </cell>
        </row>
        <row r="890">
          <cell r="A890" t="str">
            <v>6111</v>
          </cell>
          <cell r="B890" t="str">
            <v>無店舗小売業（各種商品小売）</v>
          </cell>
        </row>
        <row r="891">
          <cell r="A891" t="str">
            <v>6112</v>
          </cell>
          <cell r="B891" t="str">
            <v>無店舗小売業（織物・衣服・身の回り品小売）</v>
          </cell>
        </row>
        <row r="892">
          <cell r="A892" t="str">
            <v>6113</v>
          </cell>
          <cell r="B892" t="str">
            <v>無店舗小売業（飲食料品小売）</v>
          </cell>
        </row>
        <row r="893">
          <cell r="A893" t="str">
            <v>6114</v>
          </cell>
          <cell r="B893" t="str">
            <v>無店舗小売業（機械器具小売）</v>
          </cell>
        </row>
        <row r="894">
          <cell r="A894" t="str">
            <v>6119</v>
          </cell>
          <cell r="B894" t="str">
            <v>無店舗小売業（その他の小売）</v>
          </cell>
        </row>
        <row r="895">
          <cell r="A895" t="str">
            <v>6121</v>
          </cell>
          <cell r="B895" t="str">
            <v>自動販売機による小売業</v>
          </cell>
        </row>
        <row r="896">
          <cell r="A896" t="str">
            <v>6199</v>
          </cell>
          <cell r="B896" t="str">
            <v>その他の無店舗小売業</v>
          </cell>
        </row>
        <row r="897">
          <cell r="A897" t="str">
            <v>6741</v>
          </cell>
          <cell r="B897" t="str">
            <v>生命保険媒介業</v>
          </cell>
        </row>
        <row r="898">
          <cell r="A898" t="str">
            <v>6742</v>
          </cell>
          <cell r="B898" t="str">
            <v>損害保険代理業</v>
          </cell>
        </row>
        <row r="899">
          <cell r="A899" t="str">
            <v>6743</v>
          </cell>
          <cell r="B899" t="str">
            <v>共済事業媒介代理業・少額短期保険代理業</v>
          </cell>
        </row>
        <row r="900">
          <cell r="A900" t="str">
            <v>6751</v>
          </cell>
          <cell r="B900" t="str">
            <v>保険料率算出団体</v>
          </cell>
        </row>
        <row r="901">
          <cell r="A901" t="str">
            <v>6752</v>
          </cell>
          <cell r="B901" t="str">
            <v>損害査定業</v>
          </cell>
        </row>
        <row r="902">
          <cell r="A902" t="str">
            <v>6759</v>
          </cell>
          <cell r="B902" t="str">
            <v>その他の保険サービス業</v>
          </cell>
        </row>
        <row r="903">
          <cell r="A903" t="str">
            <v>6811</v>
          </cell>
          <cell r="B903" t="str">
            <v>建物売買業</v>
          </cell>
        </row>
        <row r="904">
          <cell r="A904" t="str">
            <v>6812</v>
          </cell>
          <cell r="B904" t="str">
            <v>土地売買業（投機を目的としないものに限る）</v>
          </cell>
        </row>
        <row r="905">
          <cell r="A905" t="str">
            <v>6821</v>
          </cell>
          <cell r="B905" t="str">
            <v>不動産代理業・仲介業</v>
          </cell>
        </row>
        <row r="906">
          <cell r="A906" t="str">
            <v>6911</v>
          </cell>
          <cell r="B906" t="str">
            <v>貸事務所業</v>
          </cell>
        </row>
        <row r="907">
          <cell r="A907" t="str">
            <v>6912</v>
          </cell>
          <cell r="B907" t="str">
            <v>土地賃貸業</v>
          </cell>
        </row>
        <row r="908">
          <cell r="A908" t="str">
            <v>6919</v>
          </cell>
          <cell r="B908" t="str">
            <v>その他の不動産賃貸業</v>
          </cell>
        </row>
        <row r="909">
          <cell r="A909" t="str">
            <v>6921</v>
          </cell>
          <cell r="B909" t="str">
            <v>貸家業</v>
          </cell>
        </row>
        <row r="910">
          <cell r="A910" t="str">
            <v>6922</v>
          </cell>
          <cell r="B910" t="str">
            <v>貸間業</v>
          </cell>
        </row>
        <row r="911">
          <cell r="A911" t="str">
            <v>6931</v>
          </cell>
          <cell r="B911" t="str">
            <v>駐車場業</v>
          </cell>
        </row>
        <row r="912">
          <cell r="A912" t="str">
            <v>6941</v>
          </cell>
          <cell r="B912" t="str">
            <v>不動産管理業</v>
          </cell>
        </row>
        <row r="913">
          <cell r="A913" t="str">
            <v>7011</v>
          </cell>
          <cell r="B913" t="str">
            <v>総合リース業</v>
          </cell>
        </row>
        <row r="914">
          <cell r="A914" t="str">
            <v>7019</v>
          </cell>
          <cell r="B914" t="str">
            <v>その他の各種物品賃貸業</v>
          </cell>
        </row>
        <row r="915">
          <cell r="A915" t="str">
            <v>7021</v>
          </cell>
          <cell r="B915" t="str">
            <v>産業用機械器具賃貸業（建設機械器具を除く）</v>
          </cell>
        </row>
        <row r="916">
          <cell r="A916" t="str">
            <v>7022</v>
          </cell>
          <cell r="B916" t="str">
            <v>建設機械器具賃貸業</v>
          </cell>
        </row>
        <row r="917">
          <cell r="A917" t="str">
            <v>7031</v>
          </cell>
          <cell r="B917" t="str">
            <v>事務用機械器具賃貸業（電子計算機を除く）</v>
          </cell>
        </row>
        <row r="918">
          <cell r="A918" t="str">
            <v>7032</v>
          </cell>
          <cell r="B918" t="str">
            <v>電子計算機・同関連機器賃貸業</v>
          </cell>
        </row>
        <row r="919">
          <cell r="A919" t="str">
            <v>7041</v>
          </cell>
          <cell r="B919" t="str">
            <v>自動車賃貸業</v>
          </cell>
        </row>
        <row r="920">
          <cell r="A920" t="str">
            <v>7051</v>
          </cell>
          <cell r="B920" t="str">
            <v>スポーツ・娯楽用品賃貸業</v>
          </cell>
        </row>
        <row r="921">
          <cell r="A921" t="str">
            <v>7091</v>
          </cell>
          <cell r="B921" t="str">
            <v>映画・演劇用品賃貸業</v>
          </cell>
        </row>
        <row r="922">
          <cell r="A922" t="str">
            <v>7092</v>
          </cell>
          <cell r="B922" t="str">
            <v>音楽・映像記録物賃貸業（映画フィルム賃貸業などを除く）</v>
          </cell>
        </row>
        <row r="923">
          <cell r="A923" t="str">
            <v>7093</v>
          </cell>
          <cell r="B923" t="str">
            <v>貸衣しょう業（映画・演劇用のものなどを除く）</v>
          </cell>
        </row>
        <row r="924">
          <cell r="A924" t="str">
            <v>7099</v>
          </cell>
          <cell r="B924" t="str">
            <v>他に分類されない物品賃貸業</v>
          </cell>
        </row>
        <row r="925">
          <cell r="A925" t="str">
            <v>7111</v>
          </cell>
          <cell r="B925" t="str">
            <v>理学研究所</v>
          </cell>
        </row>
        <row r="926">
          <cell r="A926" t="str">
            <v>7112</v>
          </cell>
          <cell r="B926" t="str">
            <v>工学研究所</v>
          </cell>
        </row>
        <row r="927">
          <cell r="A927" t="str">
            <v>7113</v>
          </cell>
          <cell r="B927" t="str">
            <v>農学研究所</v>
          </cell>
        </row>
        <row r="928">
          <cell r="A928" t="str">
            <v>7114</v>
          </cell>
          <cell r="B928" t="str">
            <v>医学・薬学研究所</v>
          </cell>
        </row>
        <row r="929">
          <cell r="A929" t="str">
            <v>7121</v>
          </cell>
          <cell r="B929" t="str">
            <v>人文・社会科学研究所</v>
          </cell>
        </row>
        <row r="930">
          <cell r="A930" t="str">
            <v>7211</v>
          </cell>
          <cell r="B930" t="str">
            <v>法律事務所</v>
          </cell>
        </row>
        <row r="931">
          <cell r="A931" t="str">
            <v>7212</v>
          </cell>
          <cell r="B931" t="str">
            <v>特許事務所</v>
          </cell>
        </row>
        <row r="932">
          <cell r="A932" t="str">
            <v>7221</v>
          </cell>
          <cell r="B932" t="str">
            <v>公証人役場、司法書士事務所</v>
          </cell>
        </row>
        <row r="933">
          <cell r="A933" t="str">
            <v>7222</v>
          </cell>
          <cell r="B933" t="str">
            <v>土地家屋調査士事務所</v>
          </cell>
        </row>
        <row r="934">
          <cell r="A934" t="str">
            <v>7231</v>
          </cell>
          <cell r="B934" t="str">
            <v>行政書士事務所</v>
          </cell>
        </row>
        <row r="935">
          <cell r="A935" t="str">
            <v>7241</v>
          </cell>
          <cell r="B935" t="str">
            <v>公認会計士事務所</v>
          </cell>
        </row>
        <row r="936">
          <cell r="A936" t="str">
            <v>7242</v>
          </cell>
          <cell r="B936" t="str">
            <v>税理士事務所</v>
          </cell>
        </row>
        <row r="937">
          <cell r="A937" t="str">
            <v>7251</v>
          </cell>
          <cell r="B937" t="str">
            <v>社会保険労務士事務所</v>
          </cell>
        </row>
        <row r="938">
          <cell r="A938" t="str">
            <v>7261</v>
          </cell>
          <cell r="B938" t="str">
            <v>デザイン業</v>
          </cell>
        </row>
        <row r="939">
          <cell r="A939" t="str">
            <v>7271</v>
          </cell>
          <cell r="B939" t="str">
            <v>著述家業</v>
          </cell>
        </row>
        <row r="940">
          <cell r="A940" t="str">
            <v>7272</v>
          </cell>
          <cell r="B940" t="str">
            <v>芸術家業</v>
          </cell>
        </row>
        <row r="941">
          <cell r="A941" t="str">
            <v>7281</v>
          </cell>
          <cell r="B941" t="str">
            <v>経営コンサルタント業</v>
          </cell>
        </row>
        <row r="942">
          <cell r="A942" t="str">
            <v>7291</v>
          </cell>
          <cell r="B942" t="str">
            <v>興信所</v>
          </cell>
        </row>
        <row r="943">
          <cell r="A943" t="str">
            <v>7292</v>
          </cell>
          <cell r="B943" t="str">
            <v>翻訳業（著述家業を除く）</v>
          </cell>
        </row>
        <row r="944">
          <cell r="A944" t="str">
            <v>7293</v>
          </cell>
          <cell r="B944" t="str">
            <v>通訳業、通訳案内業</v>
          </cell>
        </row>
        <row r="945">
          <cell r="A945" t="str">
            <v>7294</v>
          </cell>
          <cell r="B945" t="str">
            <v>不動産鑑定業</v>
          </cell>
        </row>
        <row r="946">
          <cell r="A946" t="str">
            <v>7299</v>
          </cell>
          <cell r="B946" t="str">
            <v>他に分類されない専門サービス業</v>
          </cell>
        </row>
        <row r="947">
          <cell r="A947" t="str">
            <v>7311</v>
          </cell>
          <cell r="B947" t="str">
            <v>広告業</v>
          </cell>
        </row>
        <row r="948">
          <cell r="A948" t="str">
            <v>7411</v>
          </cell>
          <cell r="B948" t="str">
            <v>獣医業</v>
          </cell>
        </row>
        <row r="949">
          <cell r="A949" t="str">
            <v>7421</v>
          </cell>
          <cell r="B949" t="str">
            <v>建築設計業</v>
          </cell>
        </row>
        <row r="950">
          <cell r="A950" t="str">
            <v>7422</v>
          </cell>
          <cell r="B950" t="str">
            <v>測量業</v>
          </cell>
        </row>
        <row r="951">
          <cell r="A951" t="str">
            <v>7429</v>
          </cell>
          <cell r="B951" t="str">
            <v>その他の土木建築サービス業</v>
          </cell>
        </row>
        <row r="952">
          <cell r="A952" t="str">
            <v>7431</v>
          </cell>
          <cell r="B952" t="str">
            <v>機械設計業</v>
          </cell>
        </row>
        <row r="953">
          <cell r="A953" t="str">
            <v>7441</v>
          </cell>
          <cell r="B953" t="str">
            <v>商品検査業</v>
          </cell>
        </row>
        <row r="954">
          <cell r="A954" t="str">
            <v>7442</v>
          </cell>
          <cell r="B954" t="str">
            <v>非破壊検査業</v>
          </cell>
        </row>
        <row r="955">
          <cell r="A955" t="str">
            <v>7451</v>
          </cell>
          <cell r="B955" t="str">
            <v>一般計量証明業</v>
          </cell>
        </row>
        <row r="956">
          <cell r="A956" t="str">
            <v>7452</v>
          </cell>
          <cell r="B956" t="str">
            <v>環境計量証明業</v>
          </cell>
        </row>
        <row r="957">
          <cell r="A957" t="str">
            <v>7459</v>
          </cell>
          <cell r="B957" t="str">
            <v>その他の計量証明業</v>
          </cell>
        </row>
        <row r="958">
          <cell r="A958" t="str">
            <v>7461</v>
          </cell>
          <cell r="B958" t="str">
            <v>写真業（商業写真業を除く）</v>
          </cell>
        </row>
        <row r="959">
          <cell r="A959" t="str">
            <v>7462</v>
          </cell>
          <cell r="B959" t="str">
            <v>商業写真業</v>
          </cell>
        </row>
        <row r="960">
          <cell r="A960" t="str">
            <v>7499</v>
          </cell>
          <cell r="B960" t="str">
            <v>その他の技術サービス業</v>
          </cell>
        </row>
        <row r="961">
          <cell r="A961" t="str">
            <v>7511</v>
          </cell>
          <cell r="B961" t="str">
            <v>旅館、ホテル</v>
          </cell>
        </row>
        <row r="962">
          <cell r="A962" t="str">
            <v>7521</v>
          </cell>
          <cell r="B962" t="str">
            <v>簡易宿所</v>
          </cell>
        </row>
        <row r="963">
          <cell r="A963" t="str">
            <v>7531</v>
          </cell>
          <cell r="B963" t="str">
            <v>下宿業</v>
          </cell>
        </row>
        <row r="964">
          <cell r="A964" t="str">
            <v>7591</v>
          </cell>
          <cell r="B964" t="str">
            <v>会社・団体の宿泊所</v>
          </cell>
        </row>
        <row r="965">
          <cell r="A965" t="str">
            <v>7592</v>
          </cell>
          <cell r="B965" t="str">
            <v>リゾートクラブ</v>
          </cell>
        </row>
        <row r="966">
          <cell r="A966" t="str">
            <v>7599</v>
          </cell>
          <cell r="B966" t="str">
            <v>他に分類されない宿泊業</v>
          </cell>
        </row>
        <row r="967">
          <cell r="A967" t="str">
            <v>7611</v>
          </cell>
          <cell r="B967" t="str">
            <v>食堂、レストラン（専門料理店を除く）</v>
          </cell>
        </row>
        <row r="968">
          <cell r="A968" t="str">
            <v>7621</v>
          </cell>
          <cell r="B968" t="str">
            <v>日本料理店</v>
          </cell>
        </row>
        <row r="969">
          <cell r="A969" t="str">
            <v>7622</v>
          </cell>
          <cell r="B969" t="str">
            <v>料亭</v>
          </cell>
        </row>
        <row r="970">
          <cell r="A970" t="str">
            <v>7623</v>
          </cell>
          <cell r="B970" t="str">
            <v>中華料理店</v>
          </cell>
        </row>
        <row r="971">
          <cell r="A971" t="str">
            <v>7624</v>
          </cell>
          <cell r="B971" t="str">
            <v>ラーメン店</v>
          </cell>
        </row>
        <row r="972">
          <cell r="A972" t="str">
            <v>7625</v>
          </cell>
          <cell r="B972" t="str">
            <v>焼肉店</v>
          </cell>
        </row>
        <row r="973">
          <cell r="A973" t="str">
            <v>7629</v>
          </cell>
          <cell r="B973" t="str">
            <v>その他の専門料理店</v>
          </cell>
        </row>
        <row r="974">
          <cell r="A974" t="str">
            <v>7631</v>
          </cell>
          <cell r="B974" t="str">
            <v>そば・うどん店</v>
          </cell>
        </row>
        <row r="975">
          <cell r="A975" t="str">
            <v>7641</v>
          </cell>
          <cell r="B975" t="str">
            <v>すし店</v>
          </cell>
        </row>
        <row r="976">
          <cell r="A976" t="str">
            <v>7651</v>
          </cell>
          <cell r="B976" t="str">
            <v>酒場、ビヤホール</v>
          </cell>
        </row>
        <row r="977">
          <cell r="A977" t="str">
            <v>7661</v>
          </cell>
          <cell r="B977" t="str">
            <v>バー、キャバレー、ナイトクラブ</v>
          </cell>
        </row>
        <row r="978">
          <cell r="A978" t="str">
            <v>7671</v>
          </cell>
          <cell r="B978" t="str">
            <v>喫茶店</v>
          </cell>
        </row>
        <row r="979">
          <cell r="A979" t="str">
            <v>7691</v>
          </cell>
          <cell r="B979" t="str">
            <v>ハンバーガー店</v>
          </cell>
        </row>
        <row r="980">
          <cell r="A980" t="str">
            <v>7692</v>
          </cell>
          <cell r="B980" t="str">
            <v>お好み焼・焼きそば・たこ焼店</v>
          </cell>
        </row>
        <row r="981">
          <cell r="A981" t="str">
            <v>7699</v>
          </cell>
          <cell r="B981" t="str">
            <v>他に分類されない飲食店</v>
          </cell>
        </row>
        <row r="982">
          <cell r="A982" t="str">
            <v>7711</v>
          </cell>
          <cell r="B982" t="str">
            <v>持ち帰り飲食サービス業</v>
          </cell>
        </row>
        <row r="983">
          <cell r="A983" t="str">
            <v>7721</v>
          </cell>
          <cell r="B983" t="str">
            <v>配達飲食サービス業</v>
          </cell>
        </row>
        <row r="984">
          <cell r="A984" t="str">
            <v>7811</v>
          </cell>
          <cell r="B984" t="str">
            <v>普通洗濯業</v>
          </cell>
        </row>
        <row r="985">
          <cell r="A985" t="str">
            <v>7812</v>
          </cell>
          <cell r="B985" t="str">
            <v>洗濯物取次業</v>
          </cell>
        </row>
        <row r="986">
          <cell r="A986" t="str">
            <v>7813</v>
          </cell>
          <cell r="B986" t="str">
            <v>リネンサプライ業</v>
          </cell>
        </row>
        <row r="987">
          <cell r="A987" t="str">
            <v>7821</v>
          </cell>
          <cell r="B987" t="str">
            <v>理容業</v>
          </cell>
        </row>
        <row r="988">
          <cell r="A988" t="str">
            <v>7831</v>
          </cell>
          <cell r="B988" t="str">
            <v>美容業</v>
          </cell>
        </row>
        <row r="989">
          <cell r="A989" t="str">
            <v>7841</v>
          </cell>
          <cell r="B989" t="str">
            <v>一般公衆浴場業</v>
          </cell>
        </row>
        <row r="990">
          <cell r="A990" t="str">
            <v>7851</v>
          </cell>
          <cell r="B990" t="str">
            <v>その他の公衆浴場業</v>
          </cell>
        </row>
        <row r="991">
          <cell r="A991" t="str">
            <v>7891</v>
          </cell>
          <cell r="B991" t="str">
            <v>洗張・染物業</v>
          </cell>
        </row>
        <row r="992">
          <cell r="A992" t="str">
            <v>7892</v>
          </cell>
          <cell r="B992" t="str">
            <v>エステティック業</v>
          </cell>
        </row>
        <row r="993">
          <cell r="A993" t="str">
            <v>7893</v>
          </cell>
          <cell r="B993" t="str">
            <v>リラクゼーション業（手技を用いるもの）</v>
          </cell>
        </row>
        <row r="994">
          <cell r="A994" t="str">
            <v>7894</v>
          </cell>
          <cell r="B994" t="str">
            <v>ネイルサービス業</v>
          </cell>
        </row>
        <row r="995">
          <cell r="A995" t="str">
            <v>7899</v>
          </cell>
          <cell r="B995" t="str">
            <v>他に分類されない洗濯・理容・美容・浴場業</v>
          </cell>
        </row>
        <row r="996">
          <cell r="A996" t="str">
            <v>7911</v>
          </cell>
          <cell r="B996" t="str">
            <v>旅行業（旅行業者代理業を除く）</v>
          </cell>
        </row>
        <row r="997">
          <cell r="A997" t="str">
            <v>7912</v>
          </cell>
          <cell r="B997" t="str">
            <v>旅行業者代理業</v>
          </cell>
        </row>
        <row r="998">
          <cell r="A998" t="str">
            <v>7921</v>
          </cell>
          <cell r="B998" t="str">
            <v>家事サービス業（住込みのもの）</v>
          </cell>
        </row>
        <row r="999">
          <cell r="A999" t="str">
            <v>7922</v>
          </cell>
          <cell r="B999" t="str">
            <v>家事サービス業（住込みでないもの）</v>
          </cell>
        </row>
        <row r="1000">
          <cell r="A1000" t="str">
            <v>7931</v>
          </cell>
          <cell r="B1000" t="str">
            <v>衣服裁縫修理業</v>
          </cell>
        </row>
        <row r="1001">
          <cell r="A1001" t="str">
            <v>7941</v>
          </cell>
          <cell r="B1001" t="str">
            <v>物品預り業</v>
          </cell>
        </row>
        <row r="1002">
          <cell r="A1002" t="str">
            <v>7951</v>
          </cell>
          <cell r="B1002" t="str">
            <v>火葬業</v>
          </cell>
        </row>
        <row r="1003">
          <cell r="A1003" t="str">
            <v>7952</v>
          </cell>
          <cell r="B1003" t="str">
            <v>墓地管理業</v>
          </cell>
        </row>
        <row r="1004">
          <cell r="A1004" t="str">
            <v>7961</v>
          </cell>
          <cell r="B1004" t="str">
            <v>葬儀業</v>
          </cell>
        </row>
        <row r="1005">
          <cell r="A1005" t="str">
            <v>7962</v>
          </cell>
          <cell r="B1005" t="str">
            <v>結婚式場業</v>
          </cell>
        </row>
        <row r="1006">
          <cell r="A1006" t="str">
            <v>7963</v>
          </cell>
          <cell r="B1006" t="str">
            <v>冠婚葬祭互助会</v>
          </cell>
        </row>
        <row r="1007">
          <cell r="A1007" t="str">
            <v>7991</v>
          </cell>
          <cell r="B1007" t="str">
            <v>食品賃加工業</v>
          </cell>
        </row>
        <row r="1008">
          <cell r="A1008" t="str">
            <v>7992</v>
          </cell>
          <cell r="B1008" t="str">
            <v>結婚相談業、結婚式場紹介業</v>
          </cell>
        </row>
        <row r="1009">
          <cell r="A1009" t="str">
            <v>7993</v>
          </cell>
          <cell r="B1009" t="str">
            <v>写真プリント、現像・焼付業</v>
          </cell>
        </row>
        <row r="1010">
          <cell r="A1010" t="str">
            <v>7999</v>
          </cell>
          <cell r="B1010" t="str">
            <v>他に分類されないその他の生活関連サービス業</v>
          </cell>
        </row>
        <row r="1011">
          <cell r="A1011" t="str">
            <v>8011</v>
          </cell>
          <cell r="B1011" t="str">
            <v>映画館</v>
          </cell>
        </row>
        <row r="1012">
          <cell r="A1012" t="str">
            <v>8021</v>
          </cell>
          <cell r="B1012" t="str">
            <v>劇場</v>
          </cell>
        </row>
        <row r="1013">
          <cell r="A1013" t="str">
            <v>8022</v>
          </cell>
          <cell r="B1013" t="str">
            <v>興行場</v>
          </cell>
        </row>
        <row r="1014">
          <cell r="A1014" t="str">
            <v>8023</v>
          </cell>
          <cell r="B1014" t="str">
            <v>劇団</v>
          </cell>
        </row>
        <row r="1015">
          <cell r="A1015" t="str">
            <v>8024</v>
          </cell>
          <cell r="B1015" t="str">
            <v>楽団、舞踏団</v>
          </cell>
        </row>
        <row r="1016">
          <cell r="A1016" t="str">
            <v>8025</v>
          </cell>
          <cell r="B1016" t="str">
            <v>演芸・スポーツ等興行団</v>
          </cell>
        </row>
        <row r="1017">
          <cell r="A1017" t="str">
            <v>8031</v>
          </cell>
          <cell r="B1017" t="str">
            <v>競輪場</v>
          </cell>
        </row>
        <row r="1018">
          <cell r="A1018" t="str">
            <v>8032</v>
          </cell>
          <cell r="B1018" t="str">
            <v>競馬場</v>
          </cell>
        </row>
        <row r="1019">
          <cell r="A1019" t="str">
            <v>8033</v>
          </cell>
          <cell r="B1019" t="str">
            <v>自動車・モータボートの競走場</v>
          </cell>
        </row>
        <row r="1020">
          <cell r="A1020" t="str">
            <v>8034</v>
          </cell>
          <cell r="B1020" t="str">
            <v>競輪競技団</v>
          </cell>
        </row>
        <row r="1021">
          <cell r="A1021" t="str">
            <v>8035</v>
          </cell>
          <cell r="B1021" t="str">
            <v>競馬競技団</v>
          </cell>
        </row>
        <row r="1022">
          <cell r="A1022" t="str">
            <v>8036</v>
          </cell>
          <cell r="B1022" t="str">
            <v>自動車・モータボートの競技団</v>
          </cell>
        </row>
        <row r="1023">
          <cell r="A1023" t="str">
            <v>8041</v>
          </cell>
          <cell r="B1023" t="str">
            <v>スポーツ施設提供業（別掲を除く）</v>
          </cell>
        </row>
        <row r="1024">
          <cell r="A1024" t="str">
            <v>8042</v>
          </cell>
          <cell r="B1024" t="str">
            <v>体育館</v>
          </cell>
        </row>
        <row r="1025">
          <cell r="A1025" t="str">
            <v>8043</v>
          </cell>
          <cell r="B1025" t="str">
            <v>ゴルフ場</v>
          </cell>
        </row>
        <row r="1026">
          <cell r="A1026" t="str">
            <v>8044</v>
          </cell>
          <cell r="B1026" t="str">
            <v>ゴルフ練習場</v>
          </cell>
        </row>
        <row r="1027">
          <cell r="A1027" t="str">
            <v>8045</v>
          </cell>
          <cell r="B1027" t="str">
            <v>ボウリング場</v>
          </cell>
        </row>
        <row r="1028">
          <cell r="A1028" t="str">
            <v>8046</v>
          </cell>
          <cell r="B1028" t="str">
            <v>テニス場</v>
          </cell>
        </row>
        <row r="1029">
          <cell r="A1029" t="str">
            <v>8047</v>
          </cell>
          <cell r="B1029" t="str">
            <v>バッティング・テニス練習場</v>
          </cell>
        </row>
        <row r="1030">
          <cell r="A1030" t="str">
            <v>8048</v>
          </cell>
          <cell r="B1030" t="str">
            <v>フィットネスクラブ</v>
          </cell>
        </row>
        <row r="1031">
          <cell r="A1031" t="str">
            <v>8051</v>
          </cell>
          <cell r="B1031" t="str">
            <v>公園</v>
          </cell>
        </row>
        <row r="1032">
          <cell r="A1032" t="str">
            <v>8052</v>
          </cell>
          <cell r="B1032" t="str">
            <v>遊園地（テーマパークを除く）</v>
          </cell>
        </row>
        <row r="1033">
          <cell r="A1033" t="str">
            <v>8053</v>
          </cell>
          <cell r="B1033" t="str">
            <v>テーマパーク</v>
          </cell>
        </row>
        <row r="1034">
          <cell r="A1034" t="str">
            <v>8061</v>
          </cell>
          <cell r="B1034" t="str">
            <v>ビリヤード場</v>
          </cell>
        </row>
        <row r="1035">
          <cell r="A1035" t="str">
            <v>8062</v>
          </cell>
          <cell r="B1035" t="str">
            <v>囲碁・将棋所</v>
          </cell>
        </row>
        <row r="1036">
          <cell r="A1036" t="str">
            <v>8063</v>
          </cell>
          <cell r="B1036" t="str">
            <v>マージャンクラブ</v>
          </cell>
        </row>
        <row r="1037">
          <cell r="A1037" t="str">
            <v>8064</v>
          </cell>
          <cell r="B1037" t="str">
            <v>パチンコホール</v>
          </cell>
        </row>
        <row r="1038">
          <cell r="A1038" t="str">
            <v>8065</v>
          </cell>
          <cell r="B1038" t="str">
            <v>ゲームセンター</v>
          </cell>
        </row>
        <row r="1039">
          <cell r="A1039" t="str">
            <v>8069</v>
          </cell>
          <cell r="B1039" t="str">
            <v>その他の遊戯場</v>
          </cell>
        </row>
        <row r="1040">
          <cell r="A1040" t="str">
            <v>8091</v>
          </cell>
          <cell r="B1040" t="str">
            <v>ダンスホール</v>
          </cell>
        </row>
        <row r="1041">
          <cell r="A1041" t="str">
            <v>8092</v>
          </cell>
          <cell r="B1041" t="str">
            <v>マリーナ業</v>
          </cell>
        </row>
        <row r="1042">
          <cell r="A1042" t="str">
            <v>8093</v>
          </cell>
          <cell r="B1042" t="str">
            <v>遊漁船業</v>
          </cell>
        </row>
        <row r="1043">
          <cell r="A1043" t="str">
            <v>8094</v>
          </cell>
          <cell r="B1043" t="str">
            <v>芸ぎ業</v>
          </cell>
        </row>
        <row r="1044">
          <cell r="A1044" t="str">
            <v>8095</v>
          </cell>
          <cell r="B1044" t="str">
            <v>カラオケボックス業</v>
          </cell>
        </row>
        <row r="1045">
          <cell r="A1045" t="str">
            <v>8096</v>
          </cell>
          <cell r="B1045" t="str">
            <v>娯楽に附帯するサービス業</v>
          </cell>
        </row>
        <row r="1046">
          <cell r="A1046" t="str">
            <v>8099</v>
          </cell>
          <cell r="B1046" t="str">
            <v>他に分類されない娯楽業</v>
          </cell>
        </row>
        <row r="1047">
          <cell r="A1047" t="str">
            <v>8111</v>
          </cell>
          <cell r="B1047" t="str">
            <v>幼稚園</v>
          </cell>
        </row>
        <row r="1048">
          <cell r="A1048" t="str">
            <v>8171</v>
          </cell>
          <cell r="B1048" t="str">
            <v>専修学校</v>
          </cell>
        </row>
        <row r="1049">
          <cell r="A1049" t="str">
            <v>8172</v>
          </cell>
          <cell r="B1049" t="str">
            <v>各種学校</v>
          </cell>
        </row>
        <row r="1050">
          <cell r="A1050" t="str">
            <v>8181</v>
          </cell>
          <cell r="B1050" t="str">
            <v>学校教育支援機関</v>
          </cell>
        </row>
        <row r="1051">
          <cell r="A1051" t="str">
            <v>8191</v>
          </cell>
          <cell r="B1051" t="str">
            <v>幼保連携型認定こども園</v>
          </cell>
        </row>
        <row r="1052">
          <cell r="A1052" t="str">
            <v>8211</v>
          </cell>
          <cell r="B1052" t="str">
            <v>公民館</v>
          </cell>
        </row>
        <row r="1053">
          <cell r="A1053" t="str">
            <v>8212</v>
          </cell>
          <cell r="B1053" t="str">
            <v>図書館</v>
          </cell>
        </row>
        <row r="1054">
          <cell r="A1054" t="str">
            <v>8213</v>
          </cell>
          <cell r="B1054" t="str">
            <v>博物館、美術館</v>
          </cell>
        </row>
        <row r="1055">
          <cell r="A1055" t="str">
            <v>8214</v>
          </cell>
          <cell r="B1055" t="str">
            <v>動物園、植物園、水族館</v>
          </cell>
        </row>
        <row r="1056">
          <cell r="A1056" t="str">
            <v>8215</v>
          </cell>
          <cell r="B1056" t="str">
            <v>青少年教育施設</v>
          </cell>
        </row>
        <row r="1057">
          <cell r="A1057" t="str">
            <v>8216</v>
          </cell>
          <cell r="B1057" t="str">
            <v>社会通信教育</v>
          </cell>
        </row>
        <row r="1058">
          <cell r="A1058" t="str">
            <v>8219</v>
          </cell>
          <cell r="B1058" t="str">
            <v>その他の社会教育</v>
          </cell>
        </row>
        <row r="1059">
          <cell r="A1059" t="str">
            <v>8221</v>
          </cell>
          <cell r="B1059" t="str">
            <v>職員教育施設・支援業</v>
          </cell>
        </row>
        <row r="1060">
          <cell r="A1060" t="str">
            <v>8222</v>
          </cell>
          <cell r="B1060" t="str">
            <v>職業訓練施設</v>
          </cell>
        </row>
        <row r="1061">
          <cell r="A1061" t="str">
            <v>8229</v>
          </cell>
          <cell r="B1061" t="str">
            <v>その他の職業・教育支援施設</v>
          </cell>
        </row>
        <row r="1062">
          <cell r="A1062" t="str">
            <v>8231</v>
          </cell>
          <cell r="B1062" t="str">
            <v>学習塾</v>
          </cell>
        </row>
        <row r="1063">
          <cell r="A1063" t="str">
            <v>8241</v>
          </cell>
          <cell r="B1063" t="str">
            <v>音楽教授業</v>
          </cell>
        </row>
        <row r="1064">
          <cell r="A1064" t="str">
            <v>8242</v>
          </cell>
          <cell r="B1064" t="str">
            <v>書道教授業</v>
          </cell>
        </row>
        <row r="1065">
          <cell r="A1065" t="str">
            <v>8243</v>
          </cell>
          <cell r="B1065" t="str">
            <v>生花・茶道教授業</v>
          </cell>
        </row>
        <row r="1066">
          <cell r="A1066" t="str">
            <v>8244</v>
          </cell>
          <cell r="B1066" t="str">
            <v>そろばん教授業</v>
          </cell>
        </row>
        <row r="1067">
          <cell r="A1067" t="str">
            <v>8245</v>
          </cell>
          <cell r="B1067" t="str">
            <v>外国語会話教授業</v>
          </cell>
        </row>
        <row r="1068">
          <cell r="A1068" t="str">
            <v>8246</v>
          </cell>
          <cell r="B1068" t="str">
            <v>スポーツ・健康教授業</v>
          </cell>
        </row>
        <row r="1069">
          <cell r="A1069" t="str">
            <v>8249</v>
          </cell>
          <cell r="B1069" t="str">
            <v>その他の教養・技能教授業</v>
          </cell>
        </row>
        <row r="1070">
          <cell r="A1070" t="str">
            <v>8299</v>
          </cell>
          <cell r="B1070" t="str">
            <v>他に分類されない教育、学習支援業</v>
          </cell>
        </row>
        <row r="1071">
          <cell r="A1071" t="str">
            <v>8311</v>
          </cell>
          <cell r="B1071" t="str">
            <v>一般病院</v>
          </cell>
        </row>
        <row r="1072">
          <cell r="A1072" t="str">
            <v>8312</v>
          </cell>
          <cell r="B1072" t="str">
            <v>精神科病院</v>
          </cell>
        </row>
        <row r="1073">
          <cell r="A1073" t="str">
            <v>8321</v>
          </cell>
          <cell r="B1073" t="str">
            <v>有床診療所</v>
          </cell>
        </row>
        <row r="1074">
          <cell r="A1074" t="str">
            <v>8322</v>
          </cell>
          <cell r="B1074" t="str">
            <v>無床診療所</v>
          </cell>
        </row>
        <row r="1075">
          <cell r="A1075" t="str">
            <v>8331</v>
          </cell>
          <cell r="B1075" t="str">
            <v>歯科診療所</v>
          </cell>
        </row>
        <row r="1076">
          <cell r="A1076" t="str">
            <v>8341</v>
          </cell>
          <cell r="B1076" t="str">
            <v>助産所</v>
          </cell>
        </row>
        <row r="1077">
          <cell r="A1077" t="str">
            <v>8342</v>
          </cell>
          <cell r="B1077" t="str">
            <v>看護業</v>
          </cell>
        </row>
        <row r="1078">
          <cell r="A1078" t="str">
            <v>8351</v>
          </cell>
          <cell r="B1078" t="str">
            <v>あん摩マッサージ指圧師・はり師・きゅう師・柔道整復師の施術所</v>
          </cell>
        </row>
        <row r="1079">
          <cell r="A1079" t="str">
            <v>8359</v>
          </cell>
          <cell r="B1079" t="str">
            <v>その他の療術業</v>
          </cell>
        </row>
        <row r="1080">
          <cell r="A1080" t="str">
            <v>8361</v>
          </cell>
          <cell r="B1080" t="str">
            <v>歯科技工所</v>
          </cell>
        </row>
        <row r="1081">
          <cell r="A1081" t="str">
            <v>8369</v>
          </cell>
          <cell r="B1081" t="str">
            <v>その他の医療に附帯するサービス業</v>
          </cell>
        </row>
        <row r="1082">
          <cell r="A1082" t="str">
            <v>8421</v>
          </cell>
          <cell r="B1082" t="str">
            <v>結核健康相談施設</v>
          </cell>
        </row>
        <row r="1083">
          <cell r="A1083" t="str">
            <v>8422</v>
          </cell>
          <cell r="B1083" t="str">
            <v>精神保健相談施設</v>
          </cell>
        </row>
        <row r="1084">
          <cell r="A1084" t="str">
            <v>8423</v>
          </cell>
          <cell r="B1084" t="str">
            <v>母子健康相談施設</v>
          </cell>
        </row>
        <row r="1085">
          <cell r="A1085" t="str">
            <v>8429</v>
          </cell>
          <cell r="B1085" t="str">
            <v>その他の健康相談施設</v>
          </cell>
        </row>
        <row r="1086">
          <cell r="A1086" t="str">
            <v>8491</v>
          </cell>
          <cell r="B1086" t="str">
            <v>検疫所（動物検疫所、植物防疫所を除く）</v>
          </cell>
        </row>
        <row r="1087">
          <cell r="A1087" t="str">
            <v>8492</v>
          </cell>
          <cell r="B1087" t="str">
            <v>検査業</v>
          </cell>
        </row>
        <row r="1088">
          <cell r="A1088" t="str">
            <v>8493</v>
          </cell>
          <cell r="B1088" t="str">
            <v>消毒業</v>
          </cell>
        </row>
        <row r="1089">
          <cell r="A1089" t="str">
            <v>8499</v>
          </cell>
          <cell r="B1089" t="str">
            <v>他に分類されない保健衛生</v>
          </cell>
        </row>
        <row r="1090">
          <cell r="A1090" t="str">
            <v>8511</v>
          </cell>
          <cell r="B1090" t="str">
            <v>社会保険事業団体</v>
          </cell>
        </row>
        <row r="1091">
          <cell r="A1091" t="str">
            <v>8531</v>
          </cell>
          <cell r="B1091" t="str">
            <v>保育所</v>
          </cell>
        </row>
        <row r="1092">
          <cell r="A1092" t="str">
            <v>8539</v>
          </cell>
          <cell r="B1092" t="str">
            <v>その他の児童福祉事業</v>
          </cell>
        </row>
        <row r="1093">
          <cell r="A1093" t="str">
            <v>8541</v>
          </cell>
          <cell r="B1093" t="str">
            <v>特別養護老人ホーム</v>
          </cell>
        </row>
        <row r="1094">
          <cell r="A1094" t="str">
            <v>8542</v>
          </cell>
          <cell r="B1094" t="str">
            <v>介護老人保健施設</v>
          </cell>
        </row>
        <row r="1095">
          <cell r="A1095" t="str">
            <v>8543</v>
          </cell>
          <cell r="B1095" t="str">
            <v>通所・短期入所介護事業</v>
          </cell>
        </row>
        <row r="1096">
          <cell r="A1096" t="str">
            <v>8544</v>
          </cell>
          <cell r="B1096" t="str">
            <v>訪問介護事業</v>
          </cell>
        </row>
        <row r="1097">
          <cell r="A1097" t="str">
            <v>8545</v>
          </cell>
          <cell r="B1097" t="str">
            <v>認知症老人グループホーム</v>
          </cell>
        </row>
        <row r="1098">
          <cell r="A1098" t="str">
            <v>8546</v>
          </cell>
          <cell r="B1098" t="str">
            <v>有料老人ホーム</v>
          </cell>
        </row>
        <row r="1099">
          <cell r="A1099" t="str">
            <v>8549</v>
          </cell>
          <cell r="B1099" t="str">
            <v>その他の老人福祉・介護事業</v>
          </cell>
        </row>
        <row r="1100">
          <cell r="A1100" t="str">
            <v>8551</v>
          </cell>
          <cell r="B1100" t="str">
            <v>居住支援事業</v>
          </cell>
        </row>
        <row r="1101">
          <cell r="A1101" t="str">
            <v>8559</v>
          </cell>
          <cell r="B1101" t="str">
            <v>その他の障害者福祉事業</v>
          </cell>
        </row>
        <row r="1102">
          <cell r="A1102" t="str">
            <v>8591</v>
          </cell>
          <cell r="B1102" t="str">
            <v>更生保護事業</v>
          </cell>
        </row>
        <row r="1103">
          <cell r="A1103" t="str">
            <v>8599</v>
          </cell>
          <cell r="B1103" t="str">
            <v>他に分類されない社会保険・社会福祉・介護事業</v>
          </cell>
        </row>
        <row r="1104">
          <cell r="A1104" t="str">
            <v>8621</v>
          </cell>
          <cell r="B1104" t="str">
            <v>簡易郵便局</v>
          </cell>
        </row>
        <row r="1105">
          <cell r="A1105" t="str">
            <v>8629</v>
          </cell>
          <cell r="B1105" t="str">
            <v>その他の郵便局受託業</v>
          </cell>
        </row>
        <row r="1106">
          <cell r="A1106" t="str">
            <v>8711</v>
          </cell>
          <cell r="B1106" t="str">
            <v>農業協同組合（他に分類されないもの）</v>
          </cell>
        </row>
        <row r="1107">
          <cell r="A1107" t="str">
            <v>8712</v>
          </cell>
          <cell r="B1107" t="str">
            <v>漁業協同組合（他に分類されないもの）</v>
          </cell>
        </row>
        <row r="1108">
          <cell r="A1108" t="str">
            <v>8713</v>
          </cell>
          <cell r="B1108" t="str">
            <v>水産加工業協同組合（他に分類されないもの）</v>
          </cell>
        </row>
        <row r="1109">
          <cell r="A1109" t="str">
            <v>8714</v>
          </cell>
          <cell r="B1109" t="str">
            <v>森林組合（他に分類されないもの）</v>
          </cell>
        </row>
        <row r="1110">
          <cell r="A1110" t="str">
            <v>8721</v>
          </cell>
          <cell r="B1110" t="str">
            <v>事業協同組合（他に分類されないもの）</v>
          </cell>
        </row>
        <row r="1111">
          <cell r="A1111" t="str">
            <v>8811</v>
          </cell>
          <cell r="B1111" t="str">
            <v>し尿収集運搬業</v>
          </cell>
        </row>
        <row r="1112">
          <cell r="A1112" t="str">
            <v>8812</v>
          </cell>
          <cell r="B1112" t="str">
            <v>し尿処分業</v>
          </cell>
        </row>
        <row r="1113">
          <cell r="A1113" t="str">
            <v>8813</v>
          </cell>
          <cell r="B1113" t="str">
            <v>浄化槽清掃業</v>
          </cell>
        </row>
        <row r="1114">
          <cell r="A1114" t="str">
            <v>8814</v>
          </cell>
          <cell r="B1114" t="str">
            <v>浄化槽保守点検業</v>
          </cell>
        </row>
        <row r="1115">
          <cell r="A1115" t="str">
            <v>8815</v>
          </cell>
          <cell r="B1115" t="str">
            <v>ごみ収集運搬業</v>
          </cell>
        </row>
        <row r="1116">
          <cell r="A1116" t="str">
            <v>8816</v>
          </cell>
          <cell r="B1116" t="str">
            <v>ごみ処分業</v>
          </cell>
        </row>
        <row r="1117">
          <cell r="A1117" t="str">
            <v>8817</v>
          </cell>
          <cell r="B1117" t="str">
            <v>清掃事務所</v>
          </cell>
        </row>
        <row r="1118">
          <cell r="A1118" t="str">
            <v>8821</v>
          </cell>
          <cell r="B1118" t="str">
            <v>産業廃棄物収集運搬業</v>
          </cell>
        </row>
        <row r="1119">
          <cell r="A1119" t="str">
            <v>8822</v>
          </cell>
          <cell r="B1119" t="str">
            <v>産業廃棄物処分業</v>
          </cell>
        </row>
        <row r="1120">
          <cell r="A1120" t="str">
            <v>8823</v>
          </cell>
          <cell r="B1120" t="str">
            <v>特別管理産業廃棄物収集運搬業</v>
          </cell>
        </row>
        <row r="1121">
          <cell r="A1121" t="str">
            <v>8824</v>
          </cell>
          <cell r="B1121" t="str">
            <v>特別管理産業廃棄物処分業</v>
          </cell>
        </row>
        <row r="1122">
          <cell r="A1122" t="str">
            <v>8891</v>
          </cell>
          <cell r="B1122" t="str">
            <v>死亡獣畜取扱業</v>
          </cell>
        </row>
        <row r="1123">
          <cell r="A1123" t="str">
            <v>8899</v>
          </cell>
          <cell r="B1123" t="str">
            <v>他に分類されない廃棄物処理業</v>
          </cell>
        </row>
        <row r="1124">
          <cell r="A1124" t="str">
            <v>8911</v>
          </cell>
          <cell r="B1124" t="str">
            <v>自動車一般整備業</v>
          </cell>
        </row>
        <row r="1125">
          <cell r="A1125" t="str">
            <v>8919</v>
          </cell>
          <cell r="B1125" t="str">
            <v>その他の自動車整備業</v>
          </cell>
        </row>
        <row r="1126">
          <cell r="A1126" t="str">
            <v>9011</v>
          </cell>
          <cell r="B1126" t="str">
            <v>一般機械修理業（建設・鉱山機械を除く）</v>
          </cell>
        </row>
        <row r="1127">
          <cell r="A1127" t="str">
            <v>9012</v>
          </cell>
          <cell r="B1127" t="str">
            <v>建設・鉱山機械整備業</v>
          </cell>
        </row>
        <row r="1128">
          <cell r="A1128" t="str">
            <v>9021</v>
          </cell>
          <cell r="B1128" t="str">
            <v>電気機械器具修理業</v>
          </cell>
        </row>
        <row r="1129">
          <cell r="A1129" t="str">
            <v>9031</v>
          </cell>
          <cell r="B1129" t="str">
            <v>表具業</v>
          </cell>
        </row>
        <row r="1130">
          <cell r="A1130" t="str">
            <v>9091</v>
          </cell>
          <cell r="B1130" t="str">
            <v>家具修理業</v>
          </cell>
        </row>
        <row r="1131">
          <cell r="A1131" t="str">
            <v>9092</v>
          </cell>
          <cell r="B1131" t="str">
            <v>時計修理業</v>
          </cell>
        </row>
        <row r="1132">
          <cell r="A1132" t="str">
            <v>9093</v>
          </cell>
          <cell r="B1132" t="str">
            <v>履物修理業</v>
          </cell>
        </row>
        <row r="1133">
          <cell r="A1133" t="str">
            <v>9094</v>
          </cell>
          <cell r="B1133" t="str">
            <v>かじ業</v>
          </cell>
        </row>
        <row r="1134">
          <cell r="A1134" t="str">
            <v>9099</v>
          </cell>
          <cell r="B1134" t="str">
            <v>他に分類されない修理業</v>
          </cell>
        </row>
        <row r="1135">
          <cell r="A1135" t="str">
            <v>9111</v>
          </cell>
          <cell r="B1135" t="str">
            <v>職業紹介業</v>
          </cell>
        </row>
        <row r="1136">
          <cell r="A1136" t="str">
            <v>9121</v>
          </cell>
          <cell r="B1136" t="str">
            <v>労働者派遣業</v>
          </cell>
        </row>
        <row r="1137">
          <cell r="A1137" t="str">
            <v>9211</v>
          </cell>
          <cell r="B1137" t="str">
            <v>速記・ワープロ入力業</v>
          </cell>
        </row>
        <row r="1138">
          <cell r="A1138" t="str">
            <v>9212</v>
          </cell>
          <cell r="B1138" t="str">
            <v>複写業</v>
          </cell>
        </row>
        <row r="1139">
          <cell r="A1139" t="str">
            <v>9221</v>
          </cell>
          <cell r="B1139" t="str">
            <v>ビルメンテナンス業</v>
          </cell>
        </row>
        <row r="1140">
          <cell r="A1140" t="str">
            <v>9229</v>
          </cell>
          <cell r="B1140" t="str">
            <v>その他の建物サービス業</v>
          </cell>
        </row>
        <row r="1141">
          <cell r="A1141" t="str">
            <v>9231</v>
          </cell>
          <cell r="B1141" t="str">
            <v>警備業</v>
          </cell>
        </row>
        <row r="1142">
          <cell r="A1142" t="str">
            <v>9291</v>
          </cell>
          <cell r="B1142" t="str">
            <v>ディスプレイ業</v>
          </cell>
        </row>
        <row r="1143">
          <cell r="A1143" t="str">
            <v>9292</v>
          </cell>
          <cell r="B1143" t="str">
            <v>産業用設備洗浄業</v>
          </cell>
        </row>
        <row r="1144">
          <cell r="A1144" t="str">
            <v>9293</v>
          </cell>
          <cell r="B1144" t="str">
            <v>看板書き業</v>
          </cell>
        </row>
        <row r="1145">
          <cell r="A1145" t="str">
            <v>9294</v>
          </cell>
          <cell r="B1145" t="str">
            <v>コールセンター業</v>
          </cell>
        </row>
        <row r="1146">
          <cell r="A1146" t="str">
            <v>9299</v>
          </cell>
          <cell r="B1146" t="str">
            <v>他に分類されないその他の事業サービス業（集金業、取立業（公共料金又はこれに準ずるものに係るものを除く）を除く）</v>
          </cell>
        </row>
        <row r="1147">
          <cell r="A1147" t="str">
            <v>9511</v>
          </cell>
          <cell r="B1147" t="str">
            <v>集会場</v>
          </cell>
        </row>
        <row r="1148">
          <cell r="A1148" t="str">
            <v>9521</v>
          </cell>
          <cell r="B1148" t="str">
            <v>と畜場</v>
          </cell>
        </row>
        <row r="1149">
          <cell r="A1149" t="str">
            <v>9599</v>
          </cell>
          <cell r="B1149" t="str">
            <v>他に分類されないサービス業</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FFFF"/>
    <pageSetUpPr fitToPage="1"/>
  </sheetPr>
  <dimension ref="A1:N1575"/>
  <sheetViews>
    <sheetView tabSelected="1" view="pageBreakPreview" zoomScale="90" zoomScaleNormal="90" zoomScaleSheetLayoutView="90" workbookViewId="0">
      <selection activeCell="D6" sqref="D6"/>
    </sheetView>
  </sheetViews>
  <sheetFormatPr defaultColWidth="9" defaultRowHeight="18.75" x14ac:dyDescent="0.4"/>
  <cols>
    <col min="1" max="1" width="2.625" style="6" customWidth="1"/>
    <col min="2" max="2" width="9" style="7"/>
    <col min="3" max="3" width="15.125" style="7" customWidth="1"/>
    <col min="4" max="4" width="88.25" style="6" customWidth="1"/>
    <col min="5" max="5" width="2.75" style="6" customWidth="1"/>
    <col min="6" max="6" width="9" style="1"/>
    <col min="7" max="7" width="9" style="13"/>
    <col min="8" max="9" width="14.25" style="1" customWidth="1"/>
    <col min="10" max="14" width="9" style="1" customWidth="1"/>
    <col min="15" max="16384" width="9" style="1"/>
  </cols>
  <sheetData>
    <row r="1" spans="2:14" ht="21.75" customHeight="1" x14ac:dyDescent="0.4">
      <c r="D1" s="8"/>
    </row>
    <row r="2" spans="2:14" ht="47.25" customHeight="1" x14ac:dyDescent="0.4">
      <c r="B2" s="28" t="s">
        <v>1044</v>
      </c>
      <c r="C2" s="29"/>
      <c r="D2" s="29"/>
    </row>
    <row r="3" spans="2:14" ht="24" customHeight="1" x14ac:dyDescent="0.4">
      <c r="B3" s="30" t="s">
        <v>1058</v>
      </c>
      <c r="C3" s="30"/>
      <c r="D3" s="30"/>
      <c r="N3" s="2"/>
    </row>
    <row r="4" spans="2:14" ht="45" customHeight="1" thickBot="1" x14ac:dyDescent="0.45">
      <c r="B4" s="31" t="s">
        <v>1039</v>
      </c>
      <c r="C4" s="31"/>
      <c r="D4" s="31"/>
    </row>
    <row r="5" spans="2:14" ht="54" customHeight="1" thickBot="1" x14ac:dyDescent="0.45">
      <c r="B5" s="9" t="s">
        <v>1040</v>
      </c>
      <c r="C5" s="24" t="s">
        <v>1041</v>
      </c>
      <c r="D5" s="23" t="s">
        <v>1042</v>
      </c>
      <c r="G5" s="15"/>
      <c r="H5" s="5"/>
      <c r="I5" s="5"/>
    </row>
    <row r="6" spans="2:14" ht="87" thickTop="1" x14ac:dyDescent="0.4">
      <c r="B6" s="25">
        <v>1</v>
      </c>
      <c r="C6" s="26" t="s">
        <v>0</v>
      </c>
      <c r="D6" s="21" t="s">
        <v>1054</v>
      </c>
      <c r="E6" s="16"/>
      <c r="G6" s="14"/>
      <c r="H6" s="3"/>
      <c r="I6" s="3"/>
      <c r="J6" s="3"/>
      <c r="K6" s="3"/>
    </row>
    <row r="7" spans="2:14" ht="34.5" x14ac:dyDescent="0.4">
      <c r="B7" s="11">
        <v>2</v>
      </c>
      <c r="C7" s="27" t="s">
        <v>1</v>
      </c>
      <c r="D7" s="17" t="s">
        <v>1059</v>
      </c>
      <c r="E7" s="16"/>
      <c r="G7" s="14"/>
      <c r="H7" s="3"/>
      <c r="I7" s="3"/>
      <c r="J7" s="3"/>
      <c r="K7" s="3"/>
    </row>
    <row r="8" spans="2:14" x14ac:dyDescent="0.4">
      <c r="B8" s="11">
        <v>3</v>
      </c>
      <c r="C8" s="27" t="s">
        <v>2</v>
      </c>
      <c r="D8" s="17" t="s">
        <v>3</v>
      </c>
      <c r="E8" s="16"/>
      <c r="G8" s="14"/>
      <c r="H8" s="3"/>
      <c r="I8" s="3"/>
      <c r="J8" s="3"/>
      <c r="K8" s="3"/>
    </row>
    <row r="9" spans="2:14" x14ac:dyDescent="0.4">
      <c r="B9" s="11">
        <v>4</v>
      </c>
      <c r="C9" s="27" t="s">
        <v>4</v>
      </c>
      <c r="D9" s="17" t="s">
        <v>5</v>
      </c>
      <c r="E9" s="16"/>
      <c r="G9" s="14"/>
      <c r="H9" s="3"/>
      <c r="I9" s="3"/>
      <c r="J9" s="3"/>
      <c r="K9" s="3"/>
    </row>
    <row r="10" spans="2:14" x14ac:dyDescent="0.4">
      <c r="B10" s="11">
        <v>5</v>
      </c>
      <c r="C10" s="27" t="s">
        <v>6</v>
      </c>
      <c r="D10" s="17" t="s">
        <v>7</v>
      </c>
      <c r="E10" s="16"/>
      <c r="G10" s="14"/>
      <c r="H10" s="3"/>
      <c r="I10" s="3"/>
      <c r="J10" s="3"/>
      <c r="K10" s="3"/>
    </row>
    <row r="11" spans="2:14" x14ac:dyDescent="0.4">
      <c r="B11" s="11">
        <v>6</v>
      </c>
      <c r="C11" s="27" t="s">
        <v>8</v>
      </c>
      <c r="D11" s="17" t="s">
        <v>9</v>
      </c>
      <c r="E11" s="16"/>
      <c r="G11" s="14"/>
      <c r="H11" s="3"/>
      <c r="I11" s="3"/>
      <c r="J11" s="3"/>
      <c r="K11" s="3"/>
    </row>
    <row r="12" spans="2:14" x14ac:dyDescent="0.4">
      <c r="B12" s="11">
        <v>7</v>
      </c>
      <c r="C12" s="27" t="s">
        <v>10</v>
      </c>
      <c r="D12" s="17" t="s">
        <v>11</v>
      </c>
      <c r="E12" s="16"/>
      <c r="G12" s="14"/>
      <c r="H12" s="3"/>
      <c r="I12" s="3"/>
      <c r="J12" s="3"/>
      <c r="K12" s="3"/>
    </row>
    <row r="13" spans="2:14" x14ac:dyDescent="0.4">
      <c r="B13" s="11">
        <v>8</v>
      </c>
      <c r="C13" s="27" t="s">
        <v>12</v>
      </c>
      <c r="D13" s="17" t="s">
        <v>1050</v>
      </c>
      <c r="E13" s="16"/>
      <c r="G13" s="14"/>
      <c r="H13" s="3"/>
      <c r="I13" s="3"/>
      <c r="J13" s="3"/>
      <c r="K13" s="3"/>
    </row>
    <row r="14" spans="2:14" x14ac:dyDescent="0.4">
      <c r="B14" s="11">
        <v>9</v>
      </c>
      <c r="C14" s="27" t="s">
        <v>13</v>
      </c>
      <c r="D14" s="17" t="s">
        <v>14</v>
      </c>
      <c r="E14" s="16"/>
      <c r="G14" s="14"/>
      <c r="H14" s="3"/>
      <c r="I14" s="3"/>
      <c r="J14" s="3"/>
      <c r="K14" s="3"/>
    </row>
    <row r="15" spans="2:14" x14ac:dyDescent="0.4">
      <c r="B15" s="11">
        <v>10</v>
      </c>
      <c r="C15" s="27" t="s">
        <v>15</v>
      </c>
      <c r="D15" s="17" t="s">
        <v>16</v>
      </c>
      <c r="E15" s="16"/>
      <c r="G15" s="14"/>
      <c r="H15" s="3"/>
      <c r="I15" s="3"/>
      <c r="J15" s="3"/>
      <c r="K15" s="3"/>
    </row>
    <row r="16" spans="2:14" x14ac:dyDescent="0.4">
      <c r="B16" s="11">
        <v>11</v>
      </c>
      <c r="C16" s="27" t="s">
        <v>17</v>
      </c>
      <c r="D16" s="17" t="s">
        <v>18</v>
      </c>
      <c r="E16" s="16"/>
      <c r="G16" s="14"/>
      <c r="H16" s="3"/>
      <c r="I16" s="3"/>
      <c r="J16" s="3"/>
      <c r="K16" s="3"/>
    </row>
    <row r="17" spans="2:11" x14ac:dyDescent="0.4">
      <c r="B17" s="11">
        <v>12</v>
      </c>
      <c r="C17" s="27" t="s">
        <v>19</v>
      </c>
      <c r="D17" s="17" t="s">
        <v>20</v>
      </c>
      <c r="E17" s="16"/>
      <c r="G17" s="14"/>
      <c r="H17" s="3"/>
      <c r="I17" s="3"/>
      <c r="J17" s="3"/>
      <c r="K17" s="3"/>
    </row>
    <row r="18" spans="2:11" x14ac:dyDescent="0.4">
      <c r="B18" s="11">
        <v>13</v>
      </c>
      <c r="C18" s="27" t="s">
        <v>21</v>
      </c>
      <c r="D18" s="17" t="s">
        <v>22</v>
      </c>
      <c r="E18" s="16"/>
      <c r="G18" s="14"/>
      <c r="H18" s="3"/>
      <c r="I18" s="3"/>
      <c r="J18" s="3"/>
      <c r="K18" s="3"/>
    </row>
    <row r="19" spans="2:11" x14ac:dyDescent="0.4">
      <c r="B19" s="11">
        <v>14</v>
      </c>
      <c r="C19" s="27" t="s">
        <v>23</v>
      </c>
      <c r="D19" s="17" t="s">
        <v>24</v>
      </c>
      <c r="E19" s="16"/>
      <c r="G19" s="14"/>
      <c r="H19" s="3"/>
      <c r="I19" s="3"/>
      <c r="J19" s="3"/>
      <c r="K19" s="3"/>
    </row>
    <row r="20" spans="2:11" x14ac:dyDescent="0.4">
      <c r="B20" s="11">
        <v>15</v>
      </c>
      <c r="C20" s="27" t="s">
        <v>25</v>
      </c>
      <c r="D20" s="17" t="s">
        <v>26</v>
      </c>
      <c r="E20" s="16"/>
      <c r="G20" s="14"/>
      <c r="H20" s="3"/>
      <c r="I20" s="3"/>
      <c r="J20" s="3"/>
      <c r="K20" s="3"/>
    </row>
    <row r="21" spans="2:11" x14ac:dyDescent="0.4">
      <c r="B21" s="11">
        <v>16</v>
      </c>
      <c r="C21" s="27" t="s">
        <v>27</v>
      </c>
      <c r="D21" s="17" t="s">
        <v>28</v>
      </c>
      <c r="E21" s="16"/>
      <c r="G21" s="14"/>
      <c r="H21" s="3"/>
      <c r="I21" s="3"/>
      <c r="J21" s="3"/>
      <c r="K21" s="3"/>
    </row>
    <row r="22" spans="2:11" x14ac:dyDescent="0.4">
      <c r="B22" s="11">
        <v>17</v>
      </c>
      <c r="C22" s="27" t="s">
        <v>29</v>
      </c>
      <c r="D22" s="17" t="s">
        <v>30</v>
      </c>
      <c r="E22" s="16"/>
      <c r="G22" s="14"/>
      <c r="H22" s="3"/>
      <c r="I22" s="3"/>
      <c r="J22" s="3"/>
      <c r="K22" s="3"/>
    </row>
    <row r="23" spans="2:11" x14ac:dyDescent="0.4">
      <c r="B23" s="11">
        <v>18</v>
      </c>
      <c r="C23" s="27" t="s">
        <v>31</v>
      </c>
      <c r="D23" s="17" t="s">
        <v>32</v>
      </c>
      <c r="E23" s="16"/>
      <c r="G23" s="14"/>
      <c r="H23" s="3"/>
      <c r="I23" s="3"/>
      <c r="J23" s="3"/>
      <c r="K23" s="3"/>
    </row>
    <row r="24" spans="2:11" x14ac:dyDescent="0.4">
      <c r="B24" s="11">
        <v>19</v>
      </c>
      <c r="C24" s="27" t="s">
        <v>33</v>
      </c>
      <c r="D24" s="17" t="s">
        <v>1060</v>
      </c>
      <c r="E24" s="16"/>
      <c r="G24" s="14"/>
      <c r="H24" s="3"/>
      <c r="I24" s="3"/>
      <c r="J24" s="3"/>
      <c r="K24" s="3"/>
    </row>
    <row r="25" spans="2:11" x14ac:dyDescent="0.4">
      <c r="B25" s="11">
        <v>20</v>
      </c>
      <c r="C25" s="27" t="s">
        <v>34</v>
      </c>
      <c r="D25" s="17" t="s">
        <v>35</v>
      </c>
      <c r="E25" s="16"/>
      <c r="G25" s="14"/>
      <c r="H25" s="3"/>
      <c r="I25" s="3"/>
      <c r="J25" s="3"/>
      <c r="K25" s="3"/>
    </row>
    <row r="26" spans="2:11" x14ac:dyDescent="0.4">
      <c r="B26" s="11">
        <v>21</v>
      </c>
      <c r="C26" s="27" t="s">
        <v>36</v>
      </c>
      <c r="D26" s="17" t="s">
        <v>1061</v>
      </c>
      <c r="E26" s="16"/>
      <c r="G26" s="14"/>
      <c r="H26" s="3"/>
      <c r="I26" s="3"/>
      <c r="J26" s="3"/>
      <c r="K26" s="3"/>
    </row>
    <row r="27" spans="2:11" x14ac:dyDescent="0.4">
      <c r="B27" s="11">
        <v>22</v>
      </c>
      <c r="C27" s="27" t="s">
        <v>37</v>
      </c>
      <c r="D27" s="17" t="s">
        <v>38</v>
      </c>
      <c r="E27" s="16"/>
      <c r="G27" s="14"/>
      <c r="H27" s="3"/>
      <c r="I27" s="3"/>
      <c r="J27" s="3"/>
      <c r="K27" s="3"/>
    </row>
    <row r="28" spans="2:11" x14ac:dyDescent="0.4">
      <c r="B28" s="11">
        <v>23</v>
      </c>
      <c r="C28" s="27" t="s">
        <v>39</v>
      </c>
      <c r="D28" s="17" t="s">
        <v>40</v>
      </c>
      <c r="E28" s="16"/>
      <c r="G28" s="14"/>
      <c r="H28" s="3"/>
      <c r="I28" s="3"/>
      <c r="J28" s="3"/>
      <c r="K28" s="3"/>
    </row>
    <row r="29" spans="2:11" x14ac:dyDescent="0.4">
      <c r="B29" s="11">
        <v>24</v>
      </c>
      <c r="C29" s="27" t="s">
        <v>41</v>
      </c>
      <c r="D29" s="17" t="s">
        <v>42</v>
      </c>
      <c r="E29" s="16"/>
      <c r="G29" s="14"/>
      <c r="H29" s="3"/>
      <c r="I29" s="3"/>
      <c r="J29" s="3"/>
      <c r="K29" s="3"/>
    </row>
    <row r="30" spans="2:11" x14ac:dyDescent="0.4">
      <c r="B30" s="11">
        <v>25</v>
      </c>
      <c r="C30" s="27" t="s">
        <v>43</v>
      </c>
      <c r="D30" s="17" t="s">
        <v>44</v>
      </c>
      <c r="E30" s="16"/>
      <c r="G30" s="14"/>
      <c r="H30" s="3"/>
      <c r="I30" s="3"/>
      <c r="J30" s="3"/>
      <c r="K30" s="3"/>
    </row>
    <row r="31" spans="2:11" x14ac:dyDescent="0.4">
      <c r="B31" s="11">
        <v>26</v>
      </c>
      <c r="C31" s="27" t="s">
        <v>45</v>
      </c>
      <c r="D31" s="17" t="s">
        <v>46</v>
      </c>
      <c r="E31" s="16"/>
      <c r="G31" s="14"/>
      <c r="H31" s="3"/>
      <c r="I31" s="3"/>
      <c r="J31" s="3"/>
      <c r="K31" s="3"/>
    </row>
    <row r="32" spans="2:11" x14ac:dyDescent="0.4">
      <c r="B32" s="11">
        <v>27</v>
      </c>
      <c r="C32" s="27" t="s">
        <v>47</v>
      </c>
      <c r="D32" s="17" t="s">
        <v>48</v>
      </c>
      <c r="E32" s="16"/>
      <c r="G32" s="14"/>
      <c r="H32" s="3"/>
      <c r="I32" s="3"/>
      <c r="J32" s="3"/>
      <c r="K32" s="3"/>
    </row>
    <row r="33" spans="2:11" x14ac:dyDescent="0.4">
      <c r="B33" s="11">
        <v>28</v>
      </c>
      <c r="C33" s="27" t="s">
        <v>49</v>
      </c>
      <c r="D33" s="17" t="s">
        <v>50</v>
      </c>
      <c r="E33" s="16"/>
      <c r="G33" s="14"/>
      <c r="H33" s="3"/>
      <c r="I33" s="3"/>
      <c r="J33" s="3"/>
      <c r="K33" s="3"/>
    </row>
    <row r="34" spans="2:11" x14ac:dyDescent="0.4">
      <c r="B34" s="11">
        <v>29</v>
      </c>
      <c r="C34" s="27" t="s">
        <v>51</v>
      </c>
      <c r="D34" s="17" t="s">
        <v>52</v>
      </c>
      <c r="E34" s="16"/>
      <c r="G34" s="14"/>
      <c r="H34" s="3"/>
      <c r="I34" s="3"/>
      <c r="J34" s="3"/>
      <c r="K34" s="3"/>
    </row>
    <row r="35" spans="2:11" x14ac:dyDescent="0.4">
      <c r="B35" s="11">
        <v>30</v>
      </c>
      <c r="C35" s="27" t="s">
        <v>53</v>
      </c>
      <c r="D35" s="17" t="s">
        <v>54</v>
      </c>
      <c r="E35" s="16"/>
      <c r="G35" s="14"/>
      <c r="H35" s="3"/>
      <c r="I35" s="3"/>
      <c r="J35" s="3"/>
      <c r="K35" s="3"/>
    </row>
    <row r="36" spans="2:11" x14ac:dyDescent="0.4">
      <c r="B36" s="11">
        <v>31</v>
      </c>
      <c r="C36" s="27" t="s">
        <v>55</v>
      </c>
      <c r="D36" s="17" t="s">
        <v>56</v>
      </c>
      <c r="E36" s="16"/>
      <c r="G36" s="14"/>
      <c r="H36" s="3"/>
      <c r="I36" s="3"/>
      <c r="J36" s="3"/>
      <c r="K36" s="3"/>
    </row>
    <row r="37" spans="2:11" x14ac:dyDescent="0.4">
      <c r="B37" s="11">
        <v>32</v>
      </c>
      <c r="C37" s="27" t="s">
        <v>57</v>
      </c>
      <c r="D37" s="17" t="s">
        <v>58</v>
      </c>
      <c r="E37" s="16"/>
      <c r="G37" s="14"/>
      <c r="H37" s="3"/>
      <c r="I37" s="3"/>
      <c r="J37" s="3"/>
      <c r="K37" s="3"/>
    </row>
    <row r="38" spans="2:11" x14ac:dyDescent="0.4">
      <c r="B38" s="11">
        <v>33</v>
      </c>
      <c r="C38" s="27" t="s">
        <v>59</v>
      </c>
      <c r="D38" s="17" t="s">
        <v>60</v>
      </c>
      <c r="E38" s="16"/>
      <c r="G38" s="14"/>
      <c r="H38" s="3"/>
      <c r="I38" s="3"/>
      <c r="J38" s="3"/>
      <c r="K38" s="3"/>
    </row>
    <row r="39" spans="2:11" x14ac:dyDescent="0.4">
      <c r="B39" s="11">
        <v>34</v>
      </c>
      <c r="C39" s="27" t="s">
        <v>61</v>
      </c>
      <c r="D39" s="17" t="s">
        <v>62</v>
      </c>
      <c r="E39" s="16"/>
      <c r="G39" s="14"/>
      <c r="H39" s="3"/>
      <c r="I39" s="3"/>
      <c r="J39" s="3"/>
      <c r="K39" s="3"/>
    </row>
    <row r="40" spans="2:11" x14ac:dyDescent="0.4">
      <c r="B40" s="11">
        <v>35</v>
      </c>
      <c r="C40" s="27" t="s">
        <v>63</v>
      </c>
      <c r="D40" s="17" t="s">
        <v>64</v>
      </c>
      <c r="E40" s="16"/>
      <c r="G40" s="14"/>
      <c r="H40" s="3"/>
      <c r="I40" s="3"/>
      <c r="J40" s="3"/>
      <c r="K40" s="3"/>
    </row>
    <row r="41" spans="2:11" x14ac:dyDescent="0.4">
      <c r="B41" s="11">
        <v>36</v>
      </c>
      <c r="C41" s="27" t="s">
        <v>65</v>
      </c>
      <c r="D41" s="17" t="s">
        <v>66</v>
      </c>
      <c r="E41" s="16"/>
      <c r="G41" s="14"/>
      <c r="H41" s="3"/>
      <c r="I41" s="3"/>
      <c r="J41" s="3"/>
      <c r="K41" s="3"/>
    </row>
    <row r="42" spans="2:11" x14ac:dyDescent="0.4">
      <c r="B42" s="11">
        <v>37</v>
      </c>
      <c r="C42" s="27" t="s">
        <v>67</v>
      </c>
      <c r="D42" s="17" t="s">
        <v>68</v>
      </c>
      <c r="E42" s="16"/>
      <c r="G42" s="14"/>
      <c r="H42" s="3"/>
      <c r="I42" s="3"/>
      <c r="J42" s="3"/>
      <c r="K42" s="3"/>
    </row>
    <row r="43" spans="2:11" x14ac:dyDescent="0.4">
      <c r="B43" s="11">
        <v>38</v>
      </c>
      <c r="C43" s="27" t="s">
        <v>69</v>
      </c>
      <c r="D43" s="17" t="s">
        <v>70</v>
      </c>
      <c r="E43" s="16"/>
      <c r="G43" s="14"/>
      <c r="H43" s="3"/>
      <c r="I43" s="3"/>
      <c r="J43" s="3"/>
      <c r="K43" s="3"/>
    </row>
    <row r="44" spans="2:11" x14ac:dyDescent="0.4">
      <c r="B44" s="11">
        <v>39</v>
      </c>
      <c r="C44" s="27" t="s">
        <v>71</v>
      </c>
      <c r="D44" s="17" t="s">
        <v>72</v>
      </c>
      <c r="E44" s="16"/>
      <c r="G44" s="14"/>
      <c r="H44" s="3"/>
      <c r="I44" s="3"/>
      <c r="J44" s="3"/>
      <c r="K44" s="3"/>
    </row>
    <row r="45" spans="2:11" x14ac:dyDescent="0.4">
      <c r="B45" s="11">
        <v>40</v>
      </c>
      <c r="C45" s="27" t="s">
        <v>73</v>
      </c>
      <c r="D45" s="17" t="s">
        <v>74</v>
      </c>
      <c r="E45" s="16"/>
      <c r="G45" s="14"/>
      <c r="H45" s="3"/>
      <c r="I45" s="3"/>
      <c r="J45" s="3"/>
      <c r="K45" s="3"/>
    </row>
    <row r="46" spans="2:11" x14ac:dyDescent="0.4">
      <c r="B46" s="11">
        <v>41</v>
      </c>
      <c r="C46" s="27" t="s">
        <v>75</v>
      </c>
      <c r="D46" s="17" t="s">
        <v>76</v>
      </c>
      <c r="E46" s="16"/>
      <c r="G46" s="14"/>
      <c r="H46" s="3"/>
      <c r="I46" s="3"/>
      <c r="J46" s="3"/>
      <c r="K46" s="3"/>
    </row>
    <row r="47" spans="2:11" x14ac:dyDescent="0.4">
      <c r="B47" s="11">
        <v>42</v>
      </c>
      <c r="C47" s="27" t="s">
        <v>77</v>
      </c>
      <c r="D47" s="17" t="s">
        <v>78</v>
      </c>
      <c r="E47" s="16"/>
      <c r="G47" s="14"/>
      <c r="H47" s="3"/>
      <c r="I47" s="3"/>
      <c r="J47" s="3"/>
      <c r="K47" s="3"/>
    </row>
    <row r="48" spans="2:11" x14ac:dyDescent="0.4">
      <c r="B48" s="11">
        <v>43</v>
      </c>
      <c r="C48" s="27" t="s">
        <v>79</v>
      </c>
      <c r="D48" s="17" t="s">
        <v>80</v>
      </c>
      <c r="E48" s="16"/>
      <c r="G48" s="14"/>
      <c r="H48" s="3"/>
      <c r="I48" s="3"/>
      <c r="J48" s="3"/>
      <c r="K48" s="3"/>
    </row>
    <row r="49" spans="2:11" x14ac:dyDescent="0.4">
      <c r="B49" s="11">
        <v>44</v>
      </c>
      <c r="C49" s="27" t="s">
        <v>81</v>
      </c>
      <c r="D49" s="17" t="s">
        <v>82</v>
      </c>
      <c r="E49" s="16"/>
      <c r="G49" s="14"/>
      <c r="H49" s="3"/>
      <c r="I49" s="3"/>
      <c r="J49" s="3"/>
      <c r="K49" s="3"/>
    </row>
    <row r="50" spans="2:11" x14ac:dyDescent="0.4">
      <c r="B50" s="11">
        <v>45</v>
      </c>
      <c r="C50" s="27" t="s">
        <v>83</v>
      </c>
      <c r="D50" s="17" t="s">
        <v>84</v>
      </c>
      <c r="E50" s="16"/>
      <c r="G50" s="14"/>
      <c r="H50" s="3"/>
      <c r="I50" s="3"/>
      <c r="J50" s="3"/>
      <c r="K50" s="3"/>
    </row>
    <row r="51" spans="2:11" x14ac:dyDescent="0.4">
      <c r="B51" s="11">
        <v>46</v>
      </c>
      <c r="C51" s="27" t="s">
        <v>85</v>
      </c>
      <c r="D51" s="17" t="s">
        <v>86</v>
      </c>
      <c r="E51" s="16"/>
      <c r="G51" s="14"/>
      <c r="H51" s="3"/>
      <c r="I51" s="3"/>
      <c r="J51" s="3"/>
      <c r="K51" s="3"/>
    </row>
    <row r="52" spans="2:11" x14ac:dyDescent="0.4">
      <c r="B52" s="11">
        <v>47</v>
      </c>
      <c r="C52" s="27" t="s">
        <v>87</v>
      </c>
      <c r="D52" s="17" t="s">
        <v>88</v>
      </c>
      <c r="E52" s="16"/>
      <c r="G52" s="14"/>
      <c r="H52" s="3"/>
      <c r="I52" s="3"/>
      <c r="J52" s="3"/>
      <c r="K52" s="3"/>
    </row>
    <row r="53" spans="2:11" x14ac:dyDescent="0.4">
      <c r="B53" s="11">
        <v>48</v>
      </c>
      <c r="C53" s="27" t="s">
        <v>89</v>
      </c>
      <c r="D53" s="17" t="s">
        <v>90</v>
      </c>
      <c r="E53" s="16"/>
      <c r="G53" s="14"/>
      <c r="H53" s="3"/>
      <c r="I53" s="3"/>
      <c r="J53" s="3"/>
      <c r="K53" s="3"/>
    </row>
    <row r="54" spans="2:11" x14ac:dyDescent="0.4">
      <c r="B54" s="11">
        <v>49</v>
      </c>
      <c r="C54" s="27" t="s">
        <v>91</v>
      </c>
      <c r="D54" s="17" t="s">
        <v>92</v>
      </c>
      <c r="E54" s="16"/>
      <c r="G54" s="14"/>
      <c r="H54" s="3"/>
      <c r="I54" s="3"/>
      <c r="J54" s="3"/>
      <c r="K54" s="3"/>
    </row>
    <row r="55" spans="2:11" x14ac:dyDescent="0.4">
      <c r="B55" s="11">
        <v>50</v>
      </c>
      <c r="C55" s="27" t="s">
        <v>93</v>
      </c>
      <c r="D55" s="17" t="s">
        <v>94</v>
      </c>
      <c r="E55" s="16"/>
      <c r="G55" s="14"/>
      <c r="H55" s="3"/>
      <c r="I55" s="3"/>
      <c r="J55" s="3"/>
      <c r="K55" s="3"/>
    </row>
    <row r="56" spans="2:11" x14ac:dyDescent="0.4">
      <c r="B56" s="11">
        <v>51</v>
      </c>
      <c r="C56" s="27" t="s">
        <v>95</v>
      </c>
      <c r="D56" s="17" t="s">
        <v>96</v>
      </c>
      <c r="E56" s="16"/>
      <c r="G56" s="14"/>
      <c r="H56" s="3"/>
      <c r="I56" s="3"/>
      <c r="J56" s="3"/>
      <c r="K56" s="3"/>
    </row>
    <row r="57" spans="2:11" x14ac:dyDescent="0.4">
      <c r="B57" s="11">
        <v>52</v>
      </c>
      <c r="C57" s="27" t="s">
        <v>97</v>
      </c>
      <c r="D57" s="17" t="s">
        <v>98</v>
      </c>
      <c r="E57" s="16"/>
      <c r="G57" s="14"/>
      <c r="H57" s="3"/>
      <c r="I57" s="3"/>
      <c r="J57" s="3"/>
      <c r="K57" s="3"/>
    </row>
    <row r="58" spans="2:11" x14ac:dyDescent="0.4">
      <c r="B58" s="11">
        <v>53</v>
      </c>
      <c r="C58" s="27" t="s">
        <v>99</v>
      </c>
      <c r="D58" s="17" t="s">
        <v>100</v>
      </c>
      <c r="E58" s="16"/>
      <c r="G58" s="14"/>
      <c r="H58" s="3"/>
      <c r="I58" s="3"/>
      <c r="J58" s="3"/>
      <c r="K58" s="3"/>
    </row>
    <row r="59" spans="2:11" x14ac:dyDescent="0.4">
      <c r="B59" s="11">
        <v>54</v>
      </c>
      <c r="C59" s="27" t="s">
        <v>101</v>
      </c>
      <c r="D59" s="17" t="s">
        <v>102</v>
      </c>
      <c r="E59" s="16"/>
      <c r="G59" s="14"/>
      <c r="H59" s="3"/>
      <c r="I59" s="3"/>
      <c r="J59" s="3"/>
      <c r="K59" s="3"/>
    </row>
    <row r="60" spans="2:11" x14ac:dyDescent="0.4">
      <c r="B60" s="11">
        <v>55</v>
      </c>
      <c r="C60" s="27" t="s">
        <v>103</v>
      </c>
      <c r="D60" s="17" t="s">
        <v>104</v>
      </c>
      <c r="E60" s="16"/>
      <c r="G60" s="14"/>
      <c r="H60" s="3"/>
      <c r="I60" s="3"/>
      <c r="J60" s="3"/>
      <c r="K60" s="3"/>
    </row>
    <row r="61" spans="2:11" x14ac:dyDescent="0.4">
      <c r="B61" s="11">
        <v>56</v>
      </c>
      <c r="C61" s="27" t="s">
        <v>105</v>
      </c>
      <c r="D61" s="17" t="s">
        <v>106</v>
      </c>
      <c r="E61" s="16"/>
      <c r="G61" s="14"/>
      <c r="H61" s="3"/>
      <c r="I61" s="3"/>
      <c r="J61" s="3"/>
      <c r="K61" s="3"/>
    </row>
    <row r="62" spans="2:11" x14ac:dyDescent="0.4">
      <c r="B62" s="11">
        <v>57</v>
      </c>
      <c r="C62" s="27" t="s">
        <v>107</v>
      </c>
      <c r="D62" s="17" t="s">
        <v>108</v>
      </c>
      <c r="E62" s="16"/>
      <c r="G62" s="14"/>
      <c r="H62" s="3"/>
      <c r="I62" s="3"/>
      <c r="J62" s="3"/>
      <c r="K62" s="3"/>
    </row>
    <row r="63" spans="2:11" x14ac:dyDescent="0.4">
      <c r="B63" s="11">
        <v>58</v>
      </c>
      <c r="C63" s="27" t="s">
        <v>109</v>
      </c>
      <c r="D63" s="17" t="s">
        <v>110</v>
      </c>
      <c r="E63" s="16"/>
      <c r="G63" s="14"/>
      <c r="H63" s="3"/>
      <c r="I63" s="3"/>
      <c r="J63" s="3"/>
      <c r="K63" s="3"/>
    </row>
    <row r="64" spans="2:11" x14ac:dyDescent="0.4">
      <c r="B64" s="11">
        <v>59</v>
      </c>
      <c r="C64" s="27" t="s">
        <v>111</v>
      </c>
      <c r="D64" s="17" t="s">
        <v>112</v>
      </c>
      <c r="E64" s="16"/>
      <c r="G64" s="14"/>
      <c r="H64" s="3"/>
      <c r="I64" s="3"/>
      <c r="J64" s="3"/>
      <c r="K64" s="3"/>
    </row>
    <row r="65" spans="2:11" x14ac:dyDescent="0.4">
      <c r="B65" s="11">
        <v>60</v>
      </c>
      <c r="C65" s="27" t="s">
        <v>113</v>
      </c>
      <c r="D65" s="17" t="s">
        <v>114</v>
      </c>
      <c r="E65" s="16"/>
      <c r="G65" s="14"/>
      <c r="H65" s="3"/>
      <c r="I65" s="3"/>
      <c r="J65" s="3"/>
      <c r="K65" s="3"/>
    </row>
    <row r="66" spans="2:11" x14ac:dyDescent="0.4">
      <c r="B66" s="11">
        <v>61</v>
      </c>
      <c r="C66" s="27" t="s">
        <v>115</v>
      </c>
      <c r="D66" s="17" t="s">
        <v>116</v>
      </c>
      <c r="E66" s="16"/>
      <c r="G66" s="14"/>
      <c r="H66" s="3"/>
      <c r="I66" s="3"/>
      <c r="J66" s="3"/>
      <c r="K66" s="3"/>
    </row>
    <row r="67" spans="2:11" x14ac:dyDescent="0.4">
      <c r="B67" s="11">
        <v>62</v>
      </c>
      <c r="C67" s="27" t="s">
        <v>117</v>
      </c>
      <c r="D67" s="17" t="s">
        <v>118</v>
      </c>
      <c r="E67" s="16"/>
      <c r="G67" s="14"/>
      <c r="H67" s="3"/>
      <c r="I67" s="3"/>
      <c r="J67" s="3"/>
      <c r="K67" s="3"/>
    </row>
    <row r="68" spans="2:11" x14ac:dyDescent="0.4">
      <c r="B68" s="11">
        <v>63</v>
      </c>
      <c r="C68" s="27" t="s">
        <v>119</v>
      </c>
      <c r="D68" s="17" t="s">
        <v>120</v>
      </c>
      <c r="E68" s="16"/>
      <c r="G68" s="14"/>
      <c r="H68" s="3"/>
      <c r="I68" s="3"/>
      <c r="J68" s="3"/>
      <c r="K68" s="3"/>
    </row>
    <row r="69" spans="2:11" x14ac:dyDescent="0.4">
      <c r="B69" s="11">
        <v>64</v>
      </c>
      <c r="C69" s="27" t="s">
        <v>121</v>
      </c>
      <c r="D69" s="17" t="s">
        <v>122</v>
      </c>
      <c r="E69" s="16"/>
      <c r="G69" s="14"/>
      <c r="H69" s="3"/>
      <c r="I69" s="3"/>
      <c r="J69" s="3"/>
      <c r="K69" s="3"/>
    </row>
    <row r="70" spans="2:11" x14ac:dyDescent="0.4">
      <c r="B70" s="11">
        <v>65</v>
      </c>
      <c r="C70" s="27" t="s">
        <v>123</v>
      </c>
      <c r="D70" s="17" t="s">
        <v>124</v>
      </c>
      <c r="E70" s="16"/>
      <c r="G70" s="14"/>
      <c r="H70" s="3"/>
      <c r="I70" s="3"/>
      <c r="J70" s="3"/>
      <c r="K70" s="3"/>
    </row>
    <row r="71" spans="2:11" x14ac:dyDescent="0.4">
      <c r="B71" s="11">
        <v>66</v>
      </c>
      <c r="C71" s="27" t="s">
        <v>125</v>
      </c>
      <c r="D71" s="17" t="s">
        <v>126</v>
      </c>
      <c r="E71" s="16"/>
      <c r="G71" s="14"/>
      <c r="H71" s="3"/>
      <c r="I71" s="3"/>
      <c r="J71" s="3"/>
      <c r="K71" s="3"/>
    </row>
    <row r="72" spans="2:11" x14ac:dyDescent="0.4">
      <c r="B72" s="11">
        <v>67</v>
      </c>
      <c r="C72" s="27" t="s">
        <v>127</v>
      </c>
      <c r="D72" s="17" t="s">
        <v>128</v>
      </c>
      <c r="E72" s="16"/>
      <c r="G72" s="14"/>
      <c r="H72" s="3"/>
      <c r="I72" s="3"/>
      <c r="J72" s="3"/>
      <c r="K72" s="3"/>
    </row>
    <row r="73" spans="2:11" x14ac:dyDescent="0.4">
      <c r="B73" s="11">
        <v>68</v>
      </c>
      <c r="C73" s="27" t="s">
        <v>129</v>
      </c>
      <c r="D73" s="17" t="s">
        <v>130</v>
      </c>
      <c r="E73" s="16"/>
      <c r="G73" s="14"/>
      <c r="H73" s="3"/>
      <c r="I73" s="3"/>
      <c r="J73" s="3"/>
      <c r="K73" s="3"/>
    </row>
    <row r="74" spans="2:11" x14ac:dyDescent="0.4">
      <c r="B74" s="11">
        <v>69</v>
      </c>
      <c r="C74" s="27" t="s">
        <v>131</v>
      </c>
      <c r="D74" s="17" t="s">
        <v>132</v>
      </c>
      <c r="E74" s="16"/>
      <c r="G74" s="14"/>
      <c r="H74" s="3"/>
      <c r="I74" s="3"/>
      <c r="J74" s="3"/>
      <c r="K74" s="3"/>
    </row>
    <row r="75" spans="2:11" x14ac:dyDescent="0.4">
      <c r="B75" s="11">
        <v>70</v>
      </c>
      <c r="C75" s="27" t="s">
        <v>133</v>
      </c>
      <c r="D75" s="17" t="s">
        <v>134</v>
      </c>
      <c r="E75" s="16"/>
      <c r="G75" s="14"/>
      <c r="H75" s="3"/>
      <c r="I75" s="3"/>
      <c r="J75" s="3"/>
      <c r="K75" s="3"/>
    </row>
    <row r="76" spans="2:11" x14ac:dyDescent="0.4">
      <c r="B76" s="11">
        <v>71</v>
      </c>
      <c r="C76" s="27" t="s">
        <v>135</v>
      </c>
      <c r="D76" s="17" t="s">
        <v>136</v>
      </c>
      <c r="E76" s="16"/>
      <c r="G76" s="14"/>
      <c r="H76" s="3"/>
      <c r="I76" s="3"/>
      <c r="J76" s="3"/>
      <c r="K76" s="3"/>
    </row>
    <row r="77" spans="2:11" x14ac:dyDescent="0.4">
      <c r="B77" s="11">
        <v>72</v>
      </c>
      <c r="C77" s="27" t="s">
        <v>137</v>
      </c>
      <c r="D77" s="17" t="s">
        <v>138</v>
      </c>
      <c r="E77" s="16"/>
      <c r="G77" s="14"/>
      <c r="H77" s="3"/>
      <c r="I77" s="3"/>
      <c r="J77" s="3"/>
      <c r="K77" s="3"/>
    </row>
    <row r="78" spans="2:11" x14ac:dyDescent="0.4">
      <c r="B78" s="11">
        <v>73</v>
      </c>
      <c r="C78" s="27" t="s">
        <v>139</v>
      </c>
      <c r="D78" s="17" t="s">
        <v>140</v>
      </c>
      <c r="E78" s="16"/>
      <c r="G78" s="14"/>
      <c r="H78" s="3"/>
      <c r="I78" s="3"/>
      <c r="J78" s="3"/>
      <c r="K78" s="3"/>
    </row>
    <row r="79" spans="2:11" x14ac:dyDescent="0.4">
      <c r="B79" s="11">
        <v>74</v>
      </c>
      <c r="C79" s="27" t="s">
        <v>141</v>
      </c>
      <c r="D79" s="17" t="s">
        <v>142</v>
      </c>
      <c r="E79" s="16"/>
      <c r="G79" s="14"/>
      <c r="H79" s="3"/>
      <c r="I79" s="3"/>
      <c r="J79" s="3"/>
      <c r="K79" s="3"/>
    </row>
    <row r="80" spans="2:11" x14ac:dyDescent="0.4">
      <c r="B80" s="11">
        <v>75</v>
      </c>
      <c r="C80" s="27" t="s">
        <v>143</v>
      </c>
      <c r="D80" s="17" t="s">
        <v>144</v>
      </c>
      <c r="E80" s="16"/>
      <c r="G80" s="14"/>
      <c r="H80" s="3"/>
      <c r="I80" s="3"/>
      <c r="J80" s="3"/>
      <c r="K80" s="3"/>
    </row>
    <row r="81" spans="2:11" x14ac:dyDescent="0.4">
      <c r="B81" s="11">
        <v>76</v>
      </c>
      <c r="C81" s="27" t="s">
        <v>145</v>
      </c>
      <c r="D81" s="17" t="s">
        <v>146</v>
      </c>
      <c r="E81" s="16"/>
      <c r="G81" s="14"/>
      <c r="H81" s="3"/>
      <c r="I81" s="3"/>
      <c r="J81" s="3"/>
      <c r="K81" s="3"/>
    </row>
    <row r="82" spans="2:11" x14ac:dyDescent="0.4">
      <c r="B82" s="11">
        <v>77</v>
      </c>
      <c r="C82" s="27" t="s">
        <v>147</v>
      </c>
      <c r="D82" s="17" t="s">
        <v>148</v>
      </c>
      <c r="E82" s="16"/>
      <c r="G82" s="14"/>
      <c r="H82" s="3"/>
      <c r="I82" s="3"/>
      <c r="J82" s="3"/>
      <c r="K82" s="3"/>
    </row>
    <row r="83" spans="2:11" x14ac:dyDescent="0.4">
      <c r="B83" s="11">
        <v>78</v>
      </c>
      <c r="C83" s="27" t="s">
        <v>149</v>
      </c>
      <c r="D83" s="17" t="s">
        <v>150</v>
      </c>
      <c r="E83" s="16"/>
      <c r="G83" s="14"/>
      <c r="H83" s="3"/>
      <c r="I83" s="3"/>
      <c r="J83" s="3"/>
      <c r="K83" s="3"/>
    </row>
    <row r="84" spans="2:11" x14ac:dyDescent="0.4">
      <c r="B84" s="11">
        <v>79</v>
      </c>
      <c r="C84" s="27" t="s">
        <v>151</v>
      </c>
      <c r="D84" s="17" t="s">
        <v>152</v>
      </c>
      <c r="E84" s="16"/>
      <c r="G84" s="14"/>
      <c r="H84" s="3"/>
      <c r="I84" s="3"/>
      <c r="J84" s="3"/>
      <c r="K84" s="3"/>
    </row>
    <row r="85" spans="2:11" x14ac:dyDescent="0.4">
      <c r="B85" s="11">
        <v>80</v>
      </c>
      <c r="C85" s="27" t="s">
        <v>153</v>
      </c>
      <c r="D85" s="17" t="s">
        <v>154</v>
      </c>
      <c r="E85" s="16"/>
      <c r="G85" s="14"/>
      <c r="H85" s="3"/>
      <c r="I85" s="3"/>
      <c r="J85" s="3"/>
      <c r="K85" s="3"/>
    </row>
    <row r="86" spans="2:11" x14ac:dyDescent="0.4">
      <c r="B86" s="11">
        <v>81</v>
      </c>
      <c r="C86" s="27" t="s">
        <v>155</v>
      </c>
      <c r="D86" s="17" t="s">
        <v>156</v>
      </c>
      <c r="E86" s="16"/>
      <c r="G86" s="14"/>
      <c r="H86" s="3"/>
      <c r="I86" s="3"/>
      <c r="J86" s="3"/>
      <c r="K86" s="3"/>
    </row>
    <row r="87" spans="2:11" x14ac:dyDescent="0.4">
      <c r="B87" s="11">
        <v>82</v>
      </c>
      <c r="C87" s="27" t="s">
        <v>157</v>
      </c>
      <c r="D87" s="17" t="s">
        <v>158</v>
      </c>
      <c r="E87" s="16"/>
      <c r="G87" s="14"/>
      <c r="H87" s="3"/>
      <c r="I87" s="3"/>
      <c r="J87" s="3"/>
      <c r="K87" s="3"/>
    </row>
    <row r="88" spans="2:11" x14ac:dyDescent="0.4">
      <c r="B88" s="11">
        <v>83</v>
      </c>
      <c r="C88" s="27" t="s">
        <v>159</v>
      </c>
      <c r="D88" s="17" t="s">
        <v>160</v>
      </c>
      <c r="E88" s="16"/>
      <c r="G88" s="14"/>
      <c r="H88" s="3"/>
      <c r="I88" s="3"/>
      <c r="J88" s="3"/>
      <c r="K88" s="3"/>
    </row>
    <row r="89" spans="2:11" x14ac:dyDescent="0.4">
      <c r="B89" s="11">
        <v>84</v>
      </c>
      <c r="C89" s="27" t="s">
        <v>161</v>
      </c>
      <c r="D89" s="17" t="s">
        <v>162</v>
      </c>
      <c r="E89" s="16"/>
      <c r="G89" s="14"/>
      <c r="H89" s="3"/>
      <c r="I89" s="3"/>
      <c r="J89" s="3"/>
      <c r="K89" s="3"/>
    </row>
    <row r="90" spans="2:11" x14ac:dyDescent="0.4">
      <c r="B90" s="11">
        <v>85</v>
      </c>
      <c r="C90" s="27" t="s">
        <v>163</v>
      </c>
      <c r="D90" s="17" t="s">
        <v>1062</v>
      </c>
      <c r="E90" s="16"/>
      <c r="G90" s="14"/>
      <c r="H90" s="3"/>
      <c r="I90" s="3"/>
      <c r="J90" s="3"/>
      <c r="K90" s="3"/>
    </row>
    <row r="91" spans="2:11" x14ac:dyDescent="0.4">
      <c r="B91" s="11">
        <v>86</v>
      </c>
      <c r="C91" s="27" t="s">
        <v>164</v>
      </c>
      <c r="D91" s="17" t="s">
        <v>1063</v>
      </c>
      <c r="E91" s="16"/>
      <c r="G91" s="14"/>
      <c r="H91" s="3"/>
      <c r="I91" s="3"/>
      <c r="J91" s="3"/>
      <c r="K91" s="3"/>
    </row>
    <row r="92" spans="2:11" x14ac:dyDescent="0.4">
      <c r="B92" s="11">
        <v>87</v>
      </c>
      <c r="C92" s="27" t="s">
        <v>165</v>
      </c>
      <c r="D92" s="17" t="s">
        <v>1064</v>
      </c>
      <c r="E92" s="16"/>
      <c r="G92" s="14"/>
      <c r="H92" s="3"/>
      <c r="I92" s="3"/>
      <c r="J92" s="3"/>
      <c r="K92" s="3"/>
    </row>
    <row r="93" spans="2:11" x14ac:dyDescent="0.4">
      <c r="B93" s="11">
        <v>88</v>
      </c>
      <c r="C93" s="27" t="s">
        <v>166</v>
      </c>
      <c r="D93" s="17" t="s">
        <v>167</v>
      </c>
      <c r="E93" s="16"/>
      <c r="G93" s="14"/>
      <c r="H93" s="3"/>
      <c r="I93" s="3"/>
      <c r="J93" s="3"/>
      <c r="K93" s="3"/>
    </row>
    <row r="94" spans="2:11" x14ac:dyDescent="0.4">
      <c r="B94" s="11">
        <v>89</v>
      </c>
      <c r="C94" s="27" t="s">
        <v>168</v>
      </c>
      <c r="D94" s="17" t="s">
        <v>169</v>
      </c>
      <c r="E94" s="16"/>
      <c r="G94" s="14"/>
      <c r="H94" s="3"/>
      <c r="I94" s="3"/>
      <c r="J94" s="3"/>
      <c r="K94" s="3"/>
    </row>
    <row r="95" spans="2:11" x14ac:dyDescent="0.4">
      <c r="B95" s="11">
        <v>90</v>
      </c>
      <c r="C95" s="27" t="s">
        <v>170</v>
      </c>
      <c r="D95" s="17" t="s">
        <v>171</v>
      </c>
      <c r="E95" s="16"/>
      <c r="G95" s="14"/>
      <c r="H95" s="3"/>
      <c r="I95" s="3"/>
      <c r="J95" s="3"/>
      <c r="K95" s="3"/>
    </row>
    <row r="96" spans="2:11" x14ac:dyDescent="0.4">
      <c r="B96" s="11">
        <v>91</v>
      </c>
      <c r="C96" s="27" t="s">
        <v>172</v>
      </c>
      <c r="D96" s="17" t="s">
        <v>173</v>
      </c>
      <c r="E96" s="16"/>
      <c r="G96" s="14"/>
      <c r="H96" s="3"/>
      <c r="I96" s="3"/>
      <c r="J96" s="3"/>
      <c r="K96" s="3"/>
    </row>
    <row r="97" spans="2:11" x14ac:dyDescent="0.4">
      <c r="B97" s="11">
        <v>92</v>
      </c>
      <c r="C97" s="27" t="s">
        <v>174</v>
      </c>
      <c r="D97" s="17" t="s">
        <v>175</v>
      </c>
      <c r="E97" s="16"/>
      <c r="G97" s="14"/>
      <c r="H97" s="3"/>
      <c r="I97" s="3"/>
      <c r="J97" s="3"/>
      <c r="K97" s="3"/>
    </row>
    <row r="98" spans="2:11" x14ac:dyDescent="0.4">
      <c r="B98" s="11">
        <v>93</v>
      </c>
      <c r="C98" s="27" t="s">
        <v>176</v>
      </c>
      <c r="D98" s="12" t="s">
        <v>177</v>
      </c>
      <c r="E98" s="16"/>
      <c r="G98" s="14"/>
      <c r="H98" s="3"/>
      <c r="I98" s="3"/>
      <c r="J98" s="3"/>
      <c r="K98" s="3"/>
    </row>
    <row r="99" spans="2:11" x14ac:dyDescent="0.4">
      <c r="B99" s="11">
        <v>94</v>
      </c>
      <c r="C99" s="27" t="s">
        <v>178</v>
      </c>
      <c r="D99" s="17" t="s">
        <v>179</v>
      </c>
      <c r="E99" s="16"/>
      <c r="G99" s="14"/>
      <c r="H99" s="3"/>
      <c r="I99" s="3"/>
      <c r="J99" s="3"/>
      <c r="K99" s="3"/>
    </row>
    <row r="100" spans="2:11" x14ac:dyDescent="0.4">
      <c r="B100" s="11">
        <v>95</v>
      </c>
      <c r="C100" s="27" t="s">
        <v>180</v>
      </c>
      <c r="D100" s="17" t="s">
        <v>181</v>
      </c>
      <c r="E100" s="16"/>
      <c r="G100" s="14"/>
      <c r="H100" s="3"/>
      <c r="I100" s="3"/>
      <c r="J100" s="3"/>
      <c r="K100" s="3"/>
    </row>
    <row r="101" spans="2:11" x14ac:dyDescent="0.4">
      <c r="B101" s="11">
        <v>96</v>
      </c>
      <c r="C101" s="27" t="s">
        <v>182</v>
      </c>
      <c r="D101" s="17" t="s">
        <v>183</v>
      </c>
      <c r="E101" s="16"/>
      <c r="G101" s="14"/>
      <c r="H101" s="3"/>
      <c r="I101" s="3"/>
      <c r="J101" s="3"/>
      <c r="K101" s="3"/>
    </row>
    <row r="102" spans="2:11" x14ac:dyDescent="0.4">
      <c r="B102" s="11">
        <v>97</v>
      </c>
      <c r="C102" s="27" t="s">
        <v>184</v>
      </c>
      <c r="D102" s="17" t="s">
        <v>185</v>
      </c>
      <c r="E102" s="16"/>
      <c r="G102" s="14"/>
      <c r="H102" s="3"/>
      <c r="I102" s="3"/>
      <c r="J102" s="3"/>
      <c r="K102" s="3"/>
    </row>
    <row r="103" spans="2:11" x14ac:dyDescent="0.4">
      <c r="B103" s="11">
        <v>98</v>
      </c>
      <c r="C103" s="27" t="s">
        <v>186</v>
      </c>
      <c r="D103" s="17" t="s">
        <v>187</v>
      </c>
      <c r="E103" s="16"/>
      <c r="G103" s="14"/>
      <c r="H103" s="3"/>
      <c r="I103" s="3"/>
      <c r="J103" s="3"/>
      <c r="K103" s="3"/>
    </row>
    <row r="104" spans="2:11" x14ac:dyDescent="0.4">
      <c r="B104" s="11">
        <v>99</v>
      </c>
      <c r="C104" s="27" t="s">
        <v>188</v>
      </c>
      <c r="D104" s="17" t="s">
        <v>189</v>
      </c>
      <c r="E104" s="16"/>
      <c r="G104" s="14"/>
      <c r="H104" s="3"/>
      <c r="I104" s="3"/>
      <c r="J104" s="3"/>
      <c r="K104" s="3"/>
    </row>
    <row r="105" spans="2:11" x14ac:dyDescent="0.4">
      <c r="B105" s="11">
        <v>100</v>
      </c>
      <c r="C105" s="27" t="s">
        <v>190</v>
      </c>
      <c r="D105" s="17" t="s">
        <v>191</v>
      </c>
      <c r="E105" s="16"/>
      <c r="G105" s="14"/>
      <c r="H105" s="3"/>
      <c r="I105" s="3"/>
      <c r="J105" s="3"/>
      <c r="K105" s="3"/>
    </row>
    <row r="106" spans="2:11" ht="34.5" x14ac:dyDescent="0.4">
      <c r="B106" s="11">
        <v>101</v>
      </c>
      <c r="C106" s="27" t="s">
        <v>192</v>
      </c>
      <c r="D106" s="17" t="s">
        <v>193</v>
      </c>
      <c r="E106" s="16"/>
      <c r="G106" s="14"/>
      <c r="H106" s="3"/>
      <c r="I106" s="3"/>
      <c r="J106" s="3"/>
      <c r="K106" s="3"/>
    </row>
    <row r="107" spans="2:11" x14ac:dyDescent="0.4">
      <c r="B107" s="11">
        <v>102</v>
      </c>
      <c r="C107" s="27" t="s">
        <v>194</v>
      </c>
      <c r="D107" s="17" t="s">
        <v>195</v>
      </c>
      <c r="E107" s="16"/>
      <c r="G107" s="14"/>
      <c r="H107" s="3"/>
      <c r="I107" s="3"/>
      <c r="J107" s="3"/>
      <c r="K107" s="3"/>
    </row>
    <row r="108" spans="2:11" x14ac:dyDescent="0.4">
      <c r="B108" s="11">
        <v>103</v>
      </c>
      <c r="C108" s="27" t="s">
        <v>196</v>
      </c>
      <c r="D108" s="17" t="s">
        <v>197</v>
      </c>
      <c r="E108" s="16"/>
      <c r="G108" s="14"/>
      <c r="H108" s="3"/>
      <c r="I108" s="3"/>
      <c r="J108" s="3"/>
      <c r="K108" s="3"/>
    </row>
    <row r="109" spans="2:11" x14ac:dyDescent="0.4">
      <c r="B109" s="11">
        <v>104</v>
      </c>
      <c r="C109" s="27" t="s">
        <v>198</v>
      </c>
      <c r="D109" s="17" t="s">
        <v>199</v>
      </c>
      <c r="E109" s="16"/>
      <c r="G109" s="14"/>
      <c r="H109" s="3"/>
      <c r="I109" s="3"/>
      <c r="J109" s="3"/>
      <c r="K109" s="3"/>
    </row>
    <row r="110" spans="2:11" x14ac:dyDescent="0.4">
      <c r="B110" s="11">
        <v>105</v>
      </c>
      <c r="C110" s="27" t="s">
        <v>200</v>
      </c>
      <c r="D110" s="17" t="s">
        <v>201</v>
      </c>
      <c r="E110" s="16"/>
      <c r="G110" s="14"/>
      <c r="H110" s="3"/>
      <c r="I110" s="3"/>
      <c r="J110" s="3"/>
      <c r="K110" s="3"/>
    </row>
    <row r="111" spans="2:11" x14ac:dyDescent="0.4">
      <c r="B111" s="11">
        <v>106</v>
      </c>
      <c r="C111" s="27" t="s">
        <v>202</v>
      </c>
      <c r="D111" s="17" t="s">
        <v>203</v>
      </c>
      <c r="E111" s="16"/>
      <c r="G111" s="14"/>
      <c r="H111" s="3"/>
      <c r="I111" s="3"/>
      <c r="J111" s="3"/>
      <c r="K111" s="3"/>
    </row>
    <row r="112" spans="2:11" x14ac:dyDescent="0.4">
      <c r="B112" s="11">
        <v>107</v>
      </c>
      <c r="C112" s="27" t="s">
        <v>204</v>
      </c>
      <c r="D112" s="17" t="s">
        <v>205</v>
      </c>
      <c r="E112" s="16"/>
      <c r="G112" s="14"/>
      <c r="H112" s="3"/>
      <c r="I112" s="3"/>
      <c r="J112" s="3"/>
      <c r="K112" s="3"/>
    </row>
    <row r="113" spans="2:11" x14ac:dyDescent="0.4">
      <c r="B113" s="11">
        <v>108</v>
      </c>
      <c r="C113" s="27" t="s">
        <v>206</v>
      </c>
      <c r="D113" s="17" t="s">
        <v>207</v>
      </c>
      <c r="E113" s="16"/>
      <c r="G113" s="14"/>
      <c r="H113" s="3"/>
      <c r="I113" s="3"/>
      <c r="J113" s="3"/>
      <c r="K113" s="3"/>
    </row>
    <row r="114" spans="2:11" x14ac:dyDescent="0.4">
      <c r="B114" s="11">
        <v>109</v>
      </c>
      <c r="C114" s="27" t="s">
        <v>208</v>
      </c>
      <c r="D114" s="17" t="s">
        <v>209</v>
      </c>
      <c r="E114" s="16"/>
      <c r="G114" s="14"/>
      <c r="H114" s="3"/>
      <c r="I114" s="3"/>
      <c r="J114" s="3"/>
      <c r="K114" s="3"/>
    </row>
    <row r="115" spans="2:11" x14ac:dyDescent="0.4">
      <c r="B115" s="11">
        <v>110</v>
      </c>
      <c r="C115" s="27" t="s">
        <v>210</v>
      </c>
      <c r="D115" s="17" t="s">
        <v>211</v>
      </c>
      <c r="E115" s="16"/>
      <c r="G115" s="14"/>
      <c r="H115" s="3"/>
      <c r="I115" s="3"/>
      <c r="J115" s="3"/>
      <c r="K115" s="3"/>
    </row>
    <row r="116" spans="2:11" x14ac:dyDescent="0.4">
      <c r="B116" s="11">
        <v>111</v>
      </c>
      <c r="C116" s="27" t="s">
        <v>212</v>
      </c>
      <c r="D116" s="17" t="s">
        <v>213</v>
      </c>
      <c r="E116" s="16"/>
      <c r="G116" s="14"/>
      <c r="H116" s="3"/>
      <c r="I116" s="3"/>
      <c r="J116" s="3"/>
      <c r="K116" s="3"/>
    </row>
    <row r="117" spans="2:11" x14ac:dyDescent="0.4">
      <c r="B117" s="11">
        <v>112</v>
      </c>
      <c r="C117" s="27" t="s">
        <v>214</v>
      </c>
      <c r="D117" s="17" t="s">
        <v>215</v>
      </c>
      <c r="E117" s="16"/>
      <c r="G117" s="14"/>
      <c r="H117" s="3"/>
      <c r="I117" s="3"/>
      <c r="J117" s="3"/>
      <c r="K117" s="3"/>
    </row>
    <row r="118" spans="2:11" x14ac:dyDescent="0.4">
      <c r="B118" s="11">
        <v>113</v>
      </c>
      <c r="C118" s="27" t="s">
        <v>216</v>
      </c>
      <c r="D118" s="17" t="s">
        <v>217</v>
      </c>
      <c r="E118" s="16"/>
      <c r="G118" s="14"/>
      <c r="H118" s="3"/>
      <c r="I118" s="3"/>
      <c r="J118" s="3"/>
      <c r="K118" s="3"/>
    </row>
    <row r="119" spans="2:11" x14ac:dyDescent="0.4">
      <c r="B119" s="11">
        <v>114</v>
      </c>
      <c r="C119" s="27" t="s">
        <v>218</v>
      </c>
      <c r="D119" s="17" t="s">
        <v>219</v>
      </c>
      <c r="E119" s="16"/>
      <c r="G119" s="14"/>
      <c r="H119" s="3"/>
      <c r="I119" s="3"/>
      <c r="J119" s="3"/>
      <c r="K119" s="3"/>
    </row>
    <row r="120" spans="2:11" x14ac:dyDescent="0.4">
      <c r="B120" s="11">
        <v>115</v>
      </c>
      <c r="C120" s="27" t="s">
        <v>220</v>
      </c>
      <c r="D120" s="17" t="s">
        <v>221</v>
      </c>
      <c r="E120" s="16"/>
      <c r="G120" s="14"/>
      <c r="H120" s="3"/>
      <c r="I120" s="3"/>
      <c r="J120" s="3"/>
      <c r="K120" s="3"/>
    </row>
    <row r="121" spans="2:11" x14ac:dyDescent="0.4">
      <c r="B121" s="11">
        <v>116</v>
      </c>
      <c r="C121" s="27" t="s">
        <v>222</v>
      </c>
      <c r="D121" s="17" t="s">
        <v>223</v>
      </c>
      <c r="E121" s="16"/>
      <c r="G121" s="14"/>
      <c r="H121" s="3"/>
      <c r="I121" s="3"/>
      <c r="J121" s="3"/>
      <c r="K121" s="3"/>
    </row>
    <row r="122" spans="2:11" x14ac:dyDescent="0.4">
      <c r="B122" s="11">
        <v>117</v>
      </c>
      <c r="C122" s="27" t="s">
        <v>224</v>
      </c>
      <c r="D122" s="17" t="s">
        <v>225</v>
      </c>
      <c r="E122" s="16"/>
      <c r="G122" s="14"/>
      <c r="H122" s="3"/>
      <c r="I122" s="3"/>
      <c r="J122" s="3"/>
      <c r="K122" s="3"/>
    </row>
    <row r="123" spans="2:11" x14ac:dyDescent="0.4">
      <c r="B123" s="11">
        <v>118</v>
      </c>
      <c r="C123" s="27" t="s">
        <v>226</v>
      </c>
      <c r="D123" s="17" t="s">
        <v>227</v>
      </c>
      <c r="E123" s="16"/>
      <c r="G123" s="14"/>
      <c r="H123" s="3"/>
      <c r="I123" s="3"/>
      <c r="J123" s="3"/>
      <c r="K123" s="3"/>
    </row>
    <row r="124" spans="2:11" x14ac:dyDescent="0.4">
      <c r="B124" s="11">
        <v>119</v>
      </c>
      <c r="C124" s="27" t="s">
        <v>228</v>
      </c>
      <c r="D124" s="17" t="s">
        <v>229</v>
      </c>
      <c r="E124" s="16"/>
      <c r="G124" s="14"/>
      <c r="H124" s="3"/>
      <c r="I124" s="3"/>
      <c r="J124" s="3"/>
      <c r="K124" s="3"/>
    </row>
    <row r="125" spans="2:11" x14ac:dyDescent="0.4">
      <c r="B125" s="11">
        <v>120</v>
      </c>
      <c r="C125" s="27" t="s">
        <v>230</v>
      </c>
      <c r="D125" s="17" t="s">
        <v>231</v>
      </c>
      <c r="E125" s="16"/>
      <c r="G125" s="14"/>
      <c r="H125" s="3"/>
      <c r="I125" s="3"/>
      <c r="J125" s="3"/>
      <c r="K125" s="3"/>
    </row>
    <row r="126" spans="2:11" x14ac:dyDescent="0.4">
      <c r="B126" s="11">
        <v>121</v>
      </c>
      <c r="C126" s="27" t="s">
        <v>232</v>
      </c>
      <c r="D126" s="17" t="s">
        <v>233</v>
      </c>
      <c r="E126" s="16"/>
      <c r="G126" s="14"/>
      <c r="H126" s="3"/>
      <c r="I126" s="3"/>
      <c r="J126" s="3"/>
      <c r="K126" s="3"/>
    </row>
    <row r="127" spans="2:11" x14ac:dyDescent="0.4">
      <c r="B127" s="11">
        <v>122</v>
      </c>
      <c r="C127" s="27" t="s">
        <v>234</v>
      </c>
      <c r="D127" s="17" t="s">
        <v>235</v>
      </c>
      <c r="E127" s="16"/>
      <c r="G127" s="14"/>
      <c r="H127" s="3"/>
      <c r="I127" s="3"/>
      <c r="J127" s="3"/>
      <c r="K127" s="3"/>
    </row>
    <row r="128" spans="2:11" x14ac:dyDescent="0.4">
      <c r="B128" s="11">
        <v>123</v>
      </c>
      <c r="C128" s="27" t="s">
        <v>236</v>
      </c>
      <c r="D128" s="17" t="s">
        <v>237</v>
      </c>
      <c r="E128" s="16"/>
      <c r="G128" s="14"/>
      <c r="H128" s="3"/>
      <c r="I128" s="3"/>
      <c r="J128" s="3"/>
      <c r="K128" s="3"/>
    </row>
    <row r="129" spans="2:11" x14ac:dyDescent="0.4">
      <c r="B129" s="11">
        <v>124</v>
      </c>
      <c r="C129" s="27" t="s">
        <v>238</v>
      </c>
      <c r="D129" s="17" t="s">
        <v>239</v>
      </c>
      <c r="E129" s="16"/>
      <c r="G129" s="14"/>
      <c r="H129" s="3"/>
      <c r="I129" s="3"/>
      <c r="J129" s="3"/>
      <c r="K129" s="3"/>
    </row>
    <row r="130" spans="2:11" x14ac:dyDescent="0.4">
      <c r="B130" s="11">
        <v>125</v>
      </c>
      <c r="C130" s="27" t="s">
        <v>240</v>
      </c>
      <c r="D130" s="17" t="s">
        <v>241</v>
      </c>
      <c r="E130" s="16"/>
      <c r="G130" s="14"/>
      <c r="H130" s="3"/>
      <c r="I130" s="3"/>
      <c r="J130" s="3"/>
      <c r="K130" s="3"/>
    </row>
    <row r="131" spans="2:11" x14ac:dyDescent="0.4">
      <c r="B131" s="11">
        <v>126</v>
      </c>
      <c r="C131" s="27" t="s">
        <v>242</v>
      </c>
      <c r="D131" s="17" t="s">
        <v>243</v>
      </c>
      <c r="E131" s="16"/>
      <c r="G131" s="14"/>
      <c r="H131" s="3"/>
      <c r="I131" s="3"/>
      <c r="J131" s="3"/>
      <c r="K131" s="3"/>
    </row>
    <row r="132" spans="2:11" x14ac:dyDescent="0.4">
      <c r="B132" s="11">
        <v>127</v>
      </c>
      <c r="C132" s="27" t="s">
        <v>244</v>
      </c>
      <c r="D132" s="17" t="s">
        <v>245</v>
      </c>
      <c r="E132" s="16"/>
      <c r="G132" s="14"/>
      <c r="H132" s="3"/>
      <c r="I132" s="3"/>
      <c r="J132" s="3"/>
      <c r="K132" s="3"/>
    </row>
    <row r="133" spans="2:11" x14ac:dyDescent="0.4">
      <c r="B133" s="11">
        <v>128</v>
      </c>
      <c r="C133" s="27" t="s">
        <v>246</v>
      </c>
      <c r="D133" s="17" t="s">
        <v>247</v>
      </c>
      <c r="E133" s="16"/>
      <c r="G133" s="14"/>
      <c r="H133" s="3"/>
      <c r="I133" s="3"/>
      <c r="J133" s="3"/>
      <c r="K133" s="3"/>
    </row>
    <row r="134" spans="2:11" x14ac:dyDescent="0.4">
      <c r="B134" s="11">
        <v>129</v>
      </c>
      <c r="C134" s="27" t="s">
        <v>248</v>
      </c>
      <c r="D134" s="17" t="s">
        <v>1052</v>
      </c>
      <c r="E134" s="16"/>
      <c r="G134" s="14"/>
      <c r="H134" s="3"/>
      <c r="I134" s="3"/>
      <c r="J134" s="3"/>
      <c r="K134" s="3"/>
    </row>
    <row r="135" spans="2:11" x14ac:dyDescent="0.4">
      <c r="B135" s="11">
        <v>130</v>
      </c>
      <c r="C135" s="27" t="s">
        <v>249</v>
      </c>
      <c r="D135" s="17" t="s">
        <v>250</v>
      </c>
      <c r="E135" s="16"/>
      <c r="G135" s="14"/>
      <c r="H135" s="3"/>
      <c r="I135" s="3"/>
      <c r="J135" s="3"/>
      <c r="K135" s="3"/>
    </row>
    <row r="136" spans="2:11" x14ac:dyDescent="0.4">
      <c r="B136" s="11">
        <v>131</v>
      </c>
      <c r="C136" s="27" t="s">
        <v>251</v>
      </c>
      <c r="D136" s="17" t="s">
        <v>252</v>
      </c>
      <c r="E136" s="16"/>
      <c r="G136" s="14"/>
      <c r="H136" s="3"/>
      <c r="I136" s="3"/>
      <c r="J136" s="3"/>
      <c r="K136" s="3"/>
    </row>
    <row r="137" spans="2:11" x14ac:dyDescent="0.4">
      <c r="B137" s="11">
        <v>132</v>
      </c>
      <c r="C137" s="27" t="s">
        <v>253</v>
      </c>
      <c r="D137" s="17" t="s">
        <v>254</v>
      </c>
      <c r="E137" s="16"/>
      <c r="G137" s="14"/>
      <c r="H137" s="3"/>
      <c r="I137" s="3"/>
      <c r="J137" s="3"/>
      <c r="K137" s="3"/>
    </row>
    <row r="138" spans="2:11" x14ac:dyDescent="0.4">
      <c r="B138" s="11">
        <v>133</v>
      </c>
      <c r="C138" s="27" t="s">
        <v>255</v>
      </c>
      <c r="D138" s="17" t="s">
        <v>1018</v>
      </c>
      <c r="E138" s="16"/>
      <c r="G138" s="14"/>
      <c r="H138" s="3"/>
      <c r="I138" s="3"/>
      <c r="J138" s="3"/>
      <c r="K138" s="3"/>
    </row>
    <row r="139" spans="2:11" x14ac:dyDescent="0.4">
      <c r="B139" s="11">
        <v>134</v>
      </c>
      <c r="C139" s="27" t="s">
        <v>256</v>
      </c>
      <c r="D139" s="17" t="s">
        <v>257</v>
      </c>
      <c r="E139" s="16"/>
      <c r="G139" s="14"/>
      <c r="H139" s="3"/>
      <c r="I139" s="3"/>
      <c r="J139" s="3"/>
      <c r="K139" s="3"/>
    </row>
    <row r="140" spans="2:11" x14ac:dyDescent="0.4">
      <c r="B140" s="11">
        <v>135</v>
      </c>
      <c r="C140" s="27" t="s">
        <v>258</v>
      </c>
      <c r="D140" s="17" t="s">
        <v>259</v>
      </c>
      <c r="E140" s="16"/>
      <c r="G140" s="14"/>
      <c r="H140" s="3"/>
      <c r="I140" s="3"/>
      <c r="J140" s="3"/>
      <c r="K140" s="3"/>
    </row>
    <row r="141" spans="2:11" x14ac:dyDescent="0.4">
      <c r="B141" s="11">
        <v>136</v>
      </c>
      <c r="C141" s="27" t="s">
        <v>260</v>
      </c>
      <c r="D141" s="17" t="s">
        <v>261</v>
      </c>
      <c r="E141" s="16"/>
      <c r="G141" s="14"/>
      <c r="H141" s="3"/>
      <c r="I141" s="3"/>
      <c r="J141" s="3"/>
      <c r="K141" s="3"/>
    </row>
    <row r="142" spans="2:11" x14ac:dyDescent="0.4">
      <c r="B142" s="11">
        <v>137</v>
      </c>
      <c r="C142" s="27" t="s">
        <v>262</v>
      </c>
      <c r="D142" s="17" t="s">
        <v>263</v>
      </c>
      <c r="E142" s="16"/>
      <c r="G142" s="14"/>
      <c r="H142" s="3"/>
      <c r="I142" s="3"/>
      <c r="J142" s="3"/>
      <c r="K142" s="3"/>
    </row>
    <row r="143" spans="2:11" x14ac:dyDescent="0.4">
      <c r="B143" s="11">
        <v>138</v>
      </c>
      <c r="C143" s="27" t="s">
        <v>264</v>
      </c>
      <c r="D143" s="17" t="s">
        <v>265</v>
      </c>
      <c r="E143" s="16"/>
      <c r="G143" s="14"/>
      <c r="H143" s="3"/>
      <c r="I143" s="3"/>
      <c r="J143" s="3"/>
      <c r="K143" s="3"/>
    </row>
    <row r="144" spans="2:11" x14ac:dyDescent="0.4">
      <c r="B144" s="11">
        <v>139</v>
      </c>
      <c r="C144" s="27" t="s">
        <v>266</v>
      </c>
      <c r="D144" s="17" t="s">
        <v>267</v>
      </c>
      <c r="E144" s="16"/>
      <c r="G144" s="14"/>
      <c r="H144" s="3"/>
      <c r="I144" s="3"/>
      <c r="J144" s="3"/>
      <c r="K144" s="3"/>
    </row>
    <row r="145" spans="2:11" x14ac:dyDescent="0.4">
      <c r="B145" s="11">
        <v>140</v>
      </c>
      <c r="C145" s="27" t="s">
        <v>268</v>
      </c>
      <c r="D145" s="17" t="s">
        <v>1019</v>
      </c>
      <c r="E145" s="16"/>
      <c r="G145" s="14"/>
      <c r="H145" s="3"/>
      <c r="I145" s="3"/>
      <c r="J145" s="3"/>
      <c r="K145" s="3"/>
    </row>
    <row r="146" spans="2:11" x14ac:dyDescent="0.4">
      <c r="B146" s="11">
        <v>141</v>
      </c>
      <c r="C146" s="27" t="s">
        <v>269</v>
      </c>
      <c r="D146" s="17" t="s">
        <v>270</v>
      </c>
      <c r="E146" s="16"/>
      <c r="G146" s="14"/>
      <c r="H146" s="3"/>
      <c r="I146" s="3"/>
      <c r="J146" s="3"/>
      <c r="K146" s="3"/>
    </row>
    <row r="147" spans="2:11" x14ac:dyDescent="0.4">
      <c r="B147" s="11">
        <v>142</v>
      </c>
      <c r="C147" s="27" t="s">
        <v>271</v>
      </c>
      <c r="D147" s="17" t="s">
        <v>1020</v>
      </c>
      <c r="E147" s="16"/>
      <c r="G147" s="14"/>
      <c r="H147" s="3"/>
      <c r="I147" s="3"/>
      <c r="J147" s="3"/>
      <c r="K147" s="3"/>
    </row>
    <row r="148" spans="2:11" x14ac:dyDescent="0.4">
      <c r="B148" s="11">
        <v>143</v>
      </c>
      <c r="C148" s="27" t="s">
        <v>272</v>
      </c>
      <c r="D148" s="17" t="s">
        <v>273</v>
      </c>
      <c r="E148" s="16"/>
      <c r="G148" s="14"/>
      <c r="H148" s="3"/>
      <c r="I148" s="3"/>
      <c r="J148" s="3"/>
      <c r="K148" s="3"/>
    </row>
    <row r="149" spans="2:11" x14ac:dyDescent="0.4">
      <c r="B149" s="11">
        <v>144</v>
      </c>
      <c r="C149" s="27" t="s">
        <v>274</v>
      </c>
      <c r="D149" s="17" t="s">
        <v>275</v>
      </c>
      <c r="E149" s="16"/>
      <c r="G149" s="14"/>
      <c r="H149" s="3"/>
      <c r="I149" s="3"/>
      <c r="J149" s="3"/>
      <c r="K149" s="3"/>
    </row>
    <row r="150" spans="2:11" x14ac:dyDescent="0.4">
      <c r="B150" s="11">
        <v>145</v>
      </c>
      <c r="C150" s="27" t="s">
        <v>276</v>
      </c>
      <c r="D150" s="17" t="s">
        <v>277</v>
      </c>
      <c r="E150" s="16"/>
      <c r="G150" s="14"/>
      <c r="H150" s="3"/>
      <c r="I150" s="3"/>
      <c r="J150" s="3"/>
      <c r="K150" s="3"/>
    </row>
    <row r="151" spans="2:11" x14ac:dyDescent="0.4">
      <c r="B151" s="11">
        <v>146</v>
      </c>
      <c r="C151" s="27" t="s">
        <v>278</v>
      </c>
      <c r="D151" s="17" t="s">
        <v>279</v>
      </c>
      <c r="E151" s="16"/>
      <c r="G151" s="14"/>
      <c r="H151" s="3"/>
      <c r="I151" s="3"/>
      <c r="J151" s="3"/>
      <c r="K151" s="3"/>
    </row>
    <row r="152" spans="2:11" x14ac:dyDescent="0.4">
      <c r="B152" s="11">
        <v>147</v>
      </c>
      <c r="C152" s="27" t="s">
        <v>280</v>
      </c>
      <c r="D152" s="17" t="s">
        <v>281</v>
      </c>
      <c r="E152" s="16"/>
      <c r="G152" s="14"/>
      <c r="H152" s="3"/>
      <c r="I152" s="3"/>
      <c r="J152" s="3"/>
      <c r="K152" s="3"/>
    </row>
    <row r="153" spans="2:11" x14ac:dyDescent="0.4">
      <c r="B153" s="11">
        <v>148</v>
      </c>
      <c r="C153" s="27" t="s">
        <v>282</v>
      </c>
      <c r="D153" s="17" t="s">
        <v>283</v>
      </c>
      <c r="E153" s="16"/>
      <c r="G153" s="14"/>
      <c r="H153" s="3"/>
      <c r="I153" s="3"/>
      <c r="J153" s="3"/>
      <c r="K153" s="3"/>
    </row>
    <row r="154" spans="2:11" x14ac:dyDescent="0.4">
      <c r="B154" s="11">
        <v>149</v>
      </c>
      <c r="C154" s="27" t="s">
        <v>284</v>
      </c>
      <c r="D154" s="17" t="s">
        <v>285</v>
      </c>
      <c r="E154" s="16"/>
      <c r="G154" s="14"/>
      <c r="H154" s="3"/>
      <c r="I154" s="3"/>
      <c r="J154" s="3"/>
      <c r="K154" s="3"/>
    </row>
    <row r="155" spans="2:11" x14ac:dyDescent="0.4">
      <c r="B155" s="11">
        <v>150</v>
      </c>
      <c r="C155" s="27" t="s">
        <v>286</v>
      </c>
      <c r="D155" s="17" t="s">
        <v>287</v>
      </c>
      <c r="E155" s="16"/>
      <c r="G155" s="14"/>
      <c r="H155" s="3"/>
      <c r="I155" s="3"/>
      <c r="J155" s="3"/>
      <c r="K155" s="3"/>
    </row>
    <row r="156" spans="2:11" x14ac:dyDescent="0.4">
      <c r="B156" s="11">
        <v>151</v>
      </c>
      <c r="C156" s="27" t="s">
        <v>288</v>
      </c>
      <c r="D156" s="17" t="s">
        <v>289</v>
      </c>
      <c r="E156" s="16"/>
      <c r="G156" s="14"/>
      <c r="H156" s="3"/>
      <c r="I156" s="3"/>
      <c r="J156" s="3"/>
      <c r="K156" s="3"/>
    </row>
    <row r="157" spans="2:11" x14ac:dyDescent="0.4">
      <c r="B157" s="11">
        <v>152</v>
      </c>
      <c r="C157" s="27" t="s">
        <v>290</v>
      </c>
      <c r="D157" s="17" t="s">
        <v>291</v>
      </c>
      <c r="E157" s="16"/>
      <c r="G157" s="14"/>
      <c r="H157" s="3"/>
      <c r="I157" s="3"/>
      <c r="J157" s="3"/>
      <c r="K157" s="3"/>
    </row>
    <row r="158" spans="2:11" x14ac:dyDescent="0.4">
      <c r="B158" s="11">
        <v>153</v>
      </c>
      <c r="C158" s="27" t="s">
        <v>292</v>
      </c>
      <c r="D158" s="17" t="s">
        <v>293</v>
      </c>
      <c r="E158" s="16"/>
      <c r="G158" s="14"/>
      <c r="H158" s="3"/>
      <c r="I158" s="3"/>
      <c r="J158" s="3"/>
      <c r="K158" s="3"/>
    </row>
    <row r="159" spans="2:11" x14ac:dyDescent="0.4">
      <c r="B159" s="11">
        <v>154</v>
      </c>
      <c r="C159" s="27" t="s">
        <v>294</v>
      </c>
      <c r="D159" s="17" t="s">
        <v>295</v>
      </c>
      <c r="E159" s="16"/>
      <c r="G159" s="14"/>
      <c r="H159" s="3"/>
      <c r="I159" s="3"/>
      <c r="J159" s="3"/>
      <c r="K159" s="3"/>
    </row>
    <row r="160" spans="2:11" x14ac:dyDescent="0.4">
      <c r="B160" s="11">
        <v>155</v>
      </c>
      <c r="C160" s="27" t="s">
        <v>296</v>
      </c>
      <c r="D160" s="17" t="s">
        <v>297</v>
      </c>
      <c r="E160" s="16"/>
      <c r="G160" s="14"/>
      <c r="H160" s="3"/>
      <c r="I160" s="3"/>
      <c r="J160" s="3"/>
      <c r="K160" s="3"/>
    </row>
    <row r="161" spans="2:11" x14ac:dyDescent="0.4">
      <c r="B161" s="11">
        <v>156</v>
      </c>
      <c r="C161" s="27" t="s">
        <v>298</v>
      </c>
      <c r="D161" s="17" t="s">
        <v>299</v>
      </c>
      <c r="E161" s="16"/>
      <c r="G161" s="14"/>
      <c r="H161" s="3"/>
      <c r="I161" s="3"/>
      <c r="J161" s="3"/>
      <c r="K161" s="3"/>
    </row>
    <row r="162" spans="2:11" x14ac:dyDescent="0.4">
      <c r="B162" s="11">
        <v>157</v>
      </c>
      <c r="C162" s="27" t="s">
        <v>300</v>
      </c>
      <c r="D162" s="17" t="s">
        <v>301</v>
      </c>
      <c r="E162" s="16"/>
      <c r="G162" s="14"/>
      <c r="H162" s="3"/>
      <c r="I162" s="3"/>
      <c r="J162" s="3"/>
      <c r="K162" s="3"/>
    </row>
    <row r="163" spans="2:11" x14ac:dyDescent="0.4">
      <c r="B163" s="11">
        <v>158</v>
      </c>
      <c r="C163" s="27" t="s">
        <v>302</v>
      </c>
      <c r="D163" s="17" t="s">
        <v>303</v>
      </c>
      <c r="E163" s="16"/>
      <c r="G163" s="14"/>
      <c r="H163" s="3"/>
      <c r="I163" s="3"/>
      <c r="J163" s="3"/>
      <c r="K163" s="3"/>
    </row>
    <row r="164" spans="2:11" x14ac:dyDescent="0.4">
      <c r="B164" s="11">
        <v>159</v>
      </c>
      <c r="C164" s="27" t="s">
        <v>304</v>
      </c>
      <c r="D164" s="17" t="s">
        <v>305</v>
      </c>
      <c r="E164" s="16"/>
      <c r="G164" s="14"/>
      <c r="H164" s="3"/>
      <c r="I164" s="3"/>
      <c r="J164" s="3"/>
      <c r="K164" s="3"/>
    </row>
    <row r="165" spans="2:11" x14ac:dyDescent="0.4">
      <c r="B165" s="11">
        <v>160</v>
      </c>
      <c r="C165" s="27" t="s">
        <v>306</v>
      </c>
      <c r="D165" s="17" t="s">
        <v>307</v>
      </c>
      <c r="E165" s="16"/>
      <c r="G165" s="14"/>
      <c r="H165" s="3"/>
      <c r="I165" s="3"/>
      <c r="J165" s="3"/>
      <c r="K165" s="3"/>
    </row>
    <row r="166" spans="2:11" x14ac:dyDescent="0.4">
      <c r="B166" s="11">
        <v>161</v>
      </c>
      <c r="C166" s="27" t="s">
        <v>308</v>
      </c>
      <c r="D166" s="17" t="s">
        <v>309</v>
      </c>
      <c r="E166" s="16"/>
      <c r="G166" s="14"/>
      <c r="H166" s="3"/>
      <c r="I166" s="3"/>
      <c r="J166" s="3"/>
      <c r="K166" s="3"/>
    </row>
    <row r="167" spans="2:11" x14ac:dyDescent="0.4">
      <c r="B167" s="11">
        <v>162</v>
      </c>
      <c r="C167" s="27" t="s">
        <v>310</v>
      </c>
      <c r="D167" s="17" t="s">
        <v>311</v>
      </c>
      <c r="E167" s="16"/>
      <c r="G167" s="14"/>
      <c r="H167" s="3"/>
      <c r="I167" s="3"/>
      <c r="J167" s="3"/>
      <c r="K167" s="3"/>
    </row>
    <row r="168" spans="2:11" x14ac:dyDescent="0.4">
      <c r="B168" s="11">
        <v>163</v>
      </c>
      <c r="C168" s="27" t="s">
        <v>312</v>
      </c>
      <c r="D168" s="17" t="s">
        <v>313</v>
      </c>
      <c r="E168" s="16"/>
      <c r="G168" s="14"/>
      <c r="H168" s="3"/>
      <c r="I168" s="3"/>
      <c r="J168" s="3"/>
      <c r="K168" s="3"/>
    </row>
    <row r="169" spans="2:11" x14ac:dyDescent="0.4">
      <c r="B169" s="11">
        <v>164</v>
      </c>
      <c r="C169" s="27" t="s">
        <v>314</v>
      </c>
      <c r="D169" s="17" t="s">
        <v>315</v>
      </c>
      <c r="E169" s="16"/>
      <c r="G169" s="14"/>
      <c r="H169" s="3"/>
      <c r="I169" s="3"/>
      <c r="J169" s="3"/>
      <c r="K169" s="3"/>
    </row>
    <row r="170" spans="2:11" x14ac:dyDescent="0.4">
      <c r="B170" s="11">
        <v>165</v>
      </c>
      <c r="C170" s="27" t="s">
        <v>316</v>
      </c>
      <c r="D170" s="17" t="s">
        <v>317</v>
      </c>
      <c r="E170" s="16"/>
      <c r="G170" s="14"/>
      <c r="H170" s="3"/>
      <c r="I170" s="3"/>
      <c r="J170" s="3"/>
      <c r="K170" s="3"/>
    </row>
    <row r="171" spans="2:11" x14ac:dyDescent="0.4">
      <c r="B171" s="11">
        <v>166</v>
      </c>
      <c r="C171" s="27" t="s">
        <v>318</v>
      </c>
      <c r="D171" s="17" t="s">
        <v>319</v>
      </c>
      <c r="E171" s="16"/>
      <c r="G171" s="14"/>
      <c r="H171" s="3"/>
      <c r="I171" s="3"/>
      <c r="J171" s="3"/>
      <c r="K171" s="3"/>
    </row>
    <row r="172" spans="2:11" x14ac:dyDescent="0.4">
      <c r="B172" s="11">
        <v>167</v>
      </c>
      <c r="C172" s="27" t="s">
        <v>320</v>
      </c>
      <c r="D172" s="17" t="s">
        <v>321</v>
      </c>
      <c r="E172" s="16"/>
      <c r="G172" s="14"/>
      <c r="H172" s="3"/>
      <c r="I172" s="3"/>
      <c r="J172" s="3"/>
      <c r="K172" s="3"/>
    </row>
    <row r="173" spans="2:11" x14ac:dyDescent="0.4">
      <c r="B173" s="11">
        <v>168</v>
      </c>
      <c r="C173" s="27" t="s">
        <v>322</v>
      </c>
      <c r="D173" s="17" t="s">
        <v>323</v>
      </c>
      <c r="E173" s="16"/>
      <c r="G173" s="14"/>
      <c r="H173" s="3"/>
      <c r="I173" s="3"/>
      <c r="J173" s="3"/>
      <c r="K173" s="3"/>
    </row>
    <row r="174" spans="2:11" x14ac:dyDescent="0.4">
      <c r="B174" s="11">
        <v>169</v>
      </c>
      <c r="C174" s="27" t="s">
        <v>324</v>
      </c>
      <c r="D174" s="17" t="s">
        <v>325</v>
      </c>
      <c r="E174" s="16"/>
      <c r="G174" s="14"/>
      <c r="H174" s="3"/>
      <c r="I174" s="3"/>
      <c r="J174" s="3"/>
      <c r="K174" s="3"/>
    </row>
    <row r="175" spans="2:11" x14ac:dyDescent="0.4">
      <c r="B175" s="11">
        <v>170</v>
      </c>
      <c r="C175" s="27" t="s">
        <v>326</v>
      </c>
      <c r="D175" s="17" t="s">
        <v>327</v>
      </c>
      <c r="E175" s="16"/>
      <c r="G175" s="14"/>
      <c r="H175" s="3"/>
      <c r="I175" s="3"/>
      <c r="J175" s="3"/>
      <c r="K175" s="3"/>
    </row>
    <row r="176" spans="2:11" x14ac:dyDescent="0.4">
      <c r="B176" s="11">
        <v>171</v>
      </c>
      <c r="C176" s="27" t="s">
        <v>328</v>
      </c>
      <c r="D176" s="17" t="s">
        <v>329</v>
      </c>
      <c r="E176" s="16"/>
      <c r="G176" s="14"/>
      <c r="H176" s="3"/>
      <c r="I176" s="3"/>
      <c r="J176" s="3"/>
      <c r="K176" s="3"/>
    </row>
    <row r="177" spans="2:11" x14ac:dyDescent="0.4">
      <c r="B177" s="11">
        <v>172</v>
      </c>
      <c r="C177" s="27" t="s">
        <v>330</v>
      </c>
      <c r="D177" s="17" t="s">
        <v>331</v>
      </c>
      <c r="E177" s="16"/>
      <c r="G177" s="14"/>
      <c r="H177" s="3"/>
      <c r="I177" s="3"/>
      <c r="J177" s="3"/>
      <c r="K177" s="3"/>
    </row>
    <row r="178" spans="2:11" x14ac:dyDescent="0.4">
      <c r="B178" s="11">
        <v>173</v>
      </c>
      <c r="C178" s="27" t="s">
        <v>332</v>
      </c>
      <c r="D178" s="17" t="s">
        <v>333</v>
      </c>
      <c r="E178" s="16"/>
      <c r="G178" s="14"/>
      <c r="H178" s="3"/>
      <c r="I178" s="3"/>
      <c r="J178" s="3"/>
      <c r="K178" s="3"/>
    </row>
    <row r="179" spans="2:11" x14ac:dyDescent="0.4">
      <c r="B179" s="11">
        <v>174</v>
      </c>
      <c r="C179" s="27" t="s">
        <v>334</v>
      </c>
      <c r="D179" s="17" t="s">
        <v>335</v>
      </c>
      <c r="E179" s="16"/>
      <c r="G179" s="14"/>
      <c r="H179" s="3"/>
      <c r="I179" s="3"/>
      <c r="J179" s="3"/>
      <c r="K179" s="3"/>
    </row>
    <row r="180" spans="2:11" x14ac:dyDescent="0.4">
      <c r="B180" s="11">
        <v>175</v>
      </c>
      <c r="C180" s="27" t="s">
        <v>336</v>
      </c>
      <c r="D180" s="17" t="s">
        <v>337</v>
      </c>
      <c r="E180" s="16"/>
      <c r="G180" s="14"/>
      <c r="H180" s="3"/>
      <c r="I180" s="3"/>
      <c r="J180" s="3"/>
      <c r="K180" s="3"/>
    </row>
    <row r="181" spans="2:11" x14ac:dyDescent="0.4">
      <c r="B181" s="11">
        <v>176</v>
      </c>
      <c r="C181" s="27" t="s">
        <v>338</v>
      </c>
      <c r="D181" s="17" t="s">
        <v>339</v>
      </c>
      <c r="E181" s="16"/>
      <c r="G181" s="14"/>
      <c r="H181" s="3"/>
      <c r="I181" s="3"/>
      <c r="J181" s="3"/>
      <c r="K181" s="3"/>
    </row>
    <row r="182" spans="2:11" x14ac:dyDescent="0.4">
      <c r="B182" s="11">
        <v>177</v>
      </c>
      <c r="C182" s="27" t="s">
        <v>340</v>
      </c>
      <c r="D182" s="17" t="s">
        <v>341</v>
      </c>
      <c r="E182" s="16"/>
      <c r="G182" s="14"/>
      <c r="H182" s="3"/>
      <c r="I182" s="3"/>
      <c r="J182" s="3"/>
      <c r="K182" s="3"/>
    </row>
    <row r="183" spans="2:11" x14ac:dyDescent="0.4">
      <c r="B183" s="11">
        <v>178</v>
      </c>
      <c r="C183" s="27" t="s">
        <v>342</v>
      </c>
      <c r="D183" s="17" t="s">
        <v>343</v>
      </c>
      <c r="E183" s="16"/>
      <c r="G183" s="14"/>
      <c r="H183" s="3"/>
      <c r="I183" s="3"/>
      <c r="J183" s="3"/>
      <c r="K183" s="3"/>
    </row>
    <row r="184" spans="2:11" x14ac:dyDescent="0.4">
      <c r="B184" s="11">
        <v>179</v>
      </c>
      <c r="C184" s="27" t="s">
        <v>344</v>
      </c>
      <c r="D184" s="17" t="s">
        <v>345</v>
      </c>
      <c r="E184" s="16"/>
      <c r="G184" s="14"/>
      <c r="H184" s="3"/>
      <c r="I184" s="3"/>
      <c r="J184" s="3"/>
      <c r="K184" s="3"/>
    </row>
    <row r="185" spans="2:11" x14ac:dyDescent="0.4">
      <c r="B185" s="11">
        <v>180</v>
      </c>
      <c r="C185" s="27" t="s">
        <v>346</v>
      </c>
      <c r="D185" s="17" t="s">
        <v>347</v>
      </c>
      <c r="E185" s="16"/>
      <c r="G185" s="14"/>
      <c r="H185" s="3"/>
      <c r="I185" s="3"/>
      <c r="J185" s="3"/>
      <c r="K185" s="3"/>
    </row>
    <row r="186" spans="2:11" x14ac:dyDescent="0.4">
      <c r="B186" s="11">
        <v>181</v>
      </c>
      <c r="C186" s="27" t="s">
        <v>348</v>
      </c>
      <c r="D186" s="17" t="s">
        <v>349</v>
      </c>
      <c r="E186" s="16"/>
      <c r="G186" s="14"/>
      <c r="H186" s="3"/>
      <c r="I186" s="3"/>
      <c r="J186" s="3"/>
      <c r="K186" s="3"/>
    </row>
    <row r="187" spans="2:11" x14ac:dyDescent="0.4">
      <c r="B187" s="11">
        <v>182</v>
      </c>
      <c r="C187" s="27" t="s">
        <v>350</v>
      </c>
      <c r="D187" s="17" t="s">
        <v>351</v>
      </c>
      <c r="E187" s="16"/>
      <c r="G187" s="14"/>
      <c r="H187" s="3"/>
      <c r="I187" s="3"/>
      <c r="J187" s="3"/>
      <c r="K187" s="3"/>
    </row>
    <row r="188" spans="2:11" x14ac:dyDescent="0.4">
      <c r="B188" s="11">
        <v>183</v>
      </c>
      <c r="C188" s="27" t="s">
        <v>352</v>
      </c>
      <c r="D188" s="17" t="s">
        <v>353</v>
      </c>
      <c r="E188" s="16"/>
      <c r="G188" s="14"/>
      <c r="H188" s="3"/>
      <c r="I188" s="3"/>
      <c r="J188" s="3"/>
      <c r="K188" s="3"/>
    </row>
    <row r="189" spans="2:11" x14ac:dyDescent="0.4">
      <c r="B189" s="11">
        <v>184</v>
      </c>
      <c r="C189" s="27" t="s">
        <v>354</v>
      </c>
      <c r="D189" s="17" t="s">
        <v>355</v>
      </c>
      <c r="E189" s="16"/>
      <c r="G189" s="14"/>
      <c r="H189" s="3"/>
      <c r="I189" s="3"/>
      <c r="J189" s="3"/>
      <c r="K189" s="3"/>
    </row>
    <row r="190" spans="2:11" x14ac:dyDescent="0.4">
      <c r="B190" s="11">
        <v>185</v>
      </c>
      <c r="C190" s="27" t="s">
        <v>356</v>
      </c>
      <c r="D190" s="17" t="s">
        <v>357</v>
      </c>
      <c r="E190" s="16"/>
      <c r="G190" s="14"/>
      <c r="H190" s="3"/>
      <c r="I190" s="3"/>
      <c r="J190" s="3"/>
      <c r="K190" s="3"/>
    </row>
    <row r="191" spans="2:11" x14ac:dyDescent="0.4">
      <c r="B191" s="11">
        <v>186</v>
      </c>
      <c r="C191" s="27" t="s">
        <v>358</v>
      </c>
      <c r="D191" s="17" t="s">
        <v>359</v>
      </c>
      <c r="E191" s="16"/>
      <c r="G191" s="14"/>
      <c r="H191" s="3"/>
      <c r="I191" s="3"/>
      <c r="J191" s="3"/>
      <c r="K191" s="3"/>
    </row>
    <row r="192" spans="2:11" x14ac:dyDescent="0.4">
      <c r="B192" s="11">
        <v>187</v>
      </c>
      <c r="C192" s="27" t="s">
        <v>360</v>
      </c>
      <c r="D192" s="17" t="s">
        <v>361</v>
      </c>
      <c r="E192" s="16"/>
      <c r="G192" s="14"/>
      <c r="H192" s="3"/>
      <c r="I192" s="3"/>
      <c r="J192" s="3"/>
      <c r="K192" s="3"/>
    </row>
    <row r="193" spans="2:11" x14ac:dyDescent="0.4">
      <c r="B193" s="11">
        <v>188</v>
      </c>
      <c r="C193" s="27" t="s">
        <v>362</v>
      </c>
      <c r="D193" s="17" t="s">
        <v>363</v>
      </c>
      <c r="E193" s="16"/>
      <c r="G193" s="14"/>
      <c r="H193" s="3"/>
      <c r="I193" s="3"/>
      <c r="J193" s="3"/>
      <c r="K193" s="3"/>
    </row>
    <row r="194" spans="2:11" x14ac:dyDescent="0.4">
      <c r="B194" s="11">
        <v>189</v>
      </c>
      <c r="C194" s="27" t="s">
        <v>364</v>
      </c>
      <c r="D194" s="17" t="s">
        <v>365</v>
      </c>
      <c r="E194" s="16"/>
      <c r="G194" s="14"/>
      <c r="H194" s="3"/>
      <c r="I194" s="3"/>
      <c r="J194" s="3"/>
      <c r="K194" s="3"/>
    </row>
    <row r="195" spans="2:11" x14ac:dyDescent="0.4">
      <c r="B195" s="11">
        <v>190</v>
      </c>
      <c r="C195" s="27" t="s">
        <v>366</v>
      </c>
      <c r="D195" s="17" t="s">
        <v>367</v>
      </c>
      <c r="E195" s="16"/>
      <c r="G195" s="14"/>
      <c r="H195" s="3"/>
      <c r="I195" s="3"/>
      <c r="J195" s="3"/>
      <c r="K195" s="3"/>
    </row>
    <row r="196" spans="2:11" x14ac:dyDescent="0.4">
      <c r="B196" s="11">
        <v>191</v>
      </c>
      <c r="C196" s="27" t="s">
        <v>368</v>
      </c>
      <c r="D196" s="17" t="s">
        <v>369</v>
      </c>
      <c r="E196" s="16"/>
      <c r="G196" s="14"/>
      <c r="H196" s="3"/>
      <c r="I196" s="3"/>
      <c r="J196" s="3"/>
      <c r="K196" s="3"/>
    </row>
    <row r="197" spans="2:11" x14ac:dyDescent="0.4">
      <c r="B197" s="11">
        <v>192</v>
      </c>
      <c r="C197" s="27" t="s">
        <v>370</v>
      </c>
      <c r="D197" s="17" t="s">
        <v>371</v>
      </c>
      <c r="E197" s="16"/>
      <c r="G197" s="14"/>
      <c r="H197" s="3"/>
      <c r="I197" s="3"/>
      <c r="J197" s="3"/>
      <c r="K197" s="3"/>
    </row>
    <row r="198" spans="2:11" x14ac:dyDescent="0.4">
      <c r="B198" s="11">
        <v>193</v>
      </c>
      <c r="C198" s="27" t="s">
        <v>372</v>
      </c>
      <c r="D198" s="17" t="s">
        <v>373</v>
      </c>
      <c r="E198" s="16"/>
      <c r="G198" s="14"/>
      <c r="H198" s="3"/>
      <c r="I198" s="3"/>
      <c r="J198" s="3"/>
      <c r="K198" s="3"/>
    </row>
    <row r="199" spans="2:11" x14ac:dyDescent="0.4">
      <c r="B199" s="11">
        <v>194</v>
      </c>
      <c r="C199" s="27" t="s">
        <v>374</v>
      </c>
      <c r="D199" s="17" t="s">
        <v>375</v>
      </c>
      <c r="E199" s="16"/>
      <c r="G199" s="14"/>
      <c r="H199" s="3"/>
      <c r="I199" s="3"/>
      <c r="J199" s="3"/>
      <c r="K199" s="3"/>
    </row>
    <row r="200" spans="2:11" x14ac:dyDescent="0.4">
      <c r="B200" s="11">
        <v>195</v>
      </c>
      <c r="C200" s="27" t="s">
        <v>376</v>
      </c>
      <c r="D200" s="17" t="s">
        <v>377</v>
      </c>
      <c r="E200" s="16"/>
      <c r="G200" s="14"/>
      <c r="H200" s="3"/>
      <c r="I200" s="3"/>
      <c r="J200" s="3"/>
      <c r="K200" s="3"/>
    </row>
    <row r="201" spans="2:11" x14ac:dyDescent="0.4">
      <c r="B201" s="11">
        <v>196</v>
      </c>
      <c r="C201" s="27" t="s">
        <v>378</v>
      </c>
      <c r="D201" s="17" t="s">
        <v>379</v>
      </c>
      <c r="E201" s="16"/>
      <c r="G201" s="14"/>
      <c r="H201" s="3"/>
      <c r="I201" s="3"/>
      <c r="J201" s="3"/>
      <c r="K201" s="3"/>
    </row>
    <row r="202" spans="2:11" x14ac:dyDescent="0.4">
      <c r="B202" s="11">
        <v>197</v>
      </c>
      <c r="C202" s="27" t="s">
        <v>380</v>
      </c>
      <c r="D202" s="17" t="s">
        <v>1021</v>
      </c>
      <c r="E202" s="16"/>
      <c r="G202" s="14"/>
      <c r="H202" s="3"/>
      <c r="I202" s="3"/>
      <c r="J202" s="3"/>
      <c r="K202" s="3"/>
    </row>
    <row r="203" spans="2:11" x14ac:dyDescent="0.4">
      <c r="B203" s="11">
        <v>198</v>
      </c>
      <c r="C203" s="27" t="s">
        <v>381</v>
      </c>
      <c r="D203" s="17" t="s">
        <v>382</v>
      </c>
      <c r="E203" s="16"/>
      <c r="G203" s="14"/>
      <c r="H203" s="3"/>
      <c r="I203" s="3"/>
      <c r="J203" s="3"/>
      <c r="K203" s="3"/>
    </row>
    <row r="204" spans="2:11" x14ac:dyDescent="0.4">
      <c r="B204" s="11">
        <v>199</v>
      </c>
      <c r="C204" s="27" t="s">
        <v>383</v>
      </c>
      <c r="D204" s="17" t="s">
        <v>384</v>
      </c>
      <c r="E204" s="16"/>
      <c r="G204" s="14"/>
      <c r="H204" s="3"/>
      <c r="I204" s="3"/>
      <c r="J204" s="3"/>
      <c r="K204" s="3"/>
    </row>
    <row r="205" spans="2:11" x14ac:dyDescent="0.4">
      <c r="B205" s="11">
        <v>200</v>
      </c>
      <c r="C205" s="27" t="s">
        <v>385</v>
      </c>
      <c r="D205" s="17" t="s">
        <v>386</v>
      </c>
      <c r="E205" s="16"/>
      <c r="G205" s="14"/>
      <c r="H205" s="3"/>
      <c r="I205" s="3"/>
      <c r="J205" s="3"/>
      <c r="K205" s="3"/>
    </row>
    <row r="206" spans="2:11" x14ac:dyDescent="0.4">
      <c r="B206" s="11">
        <v>201</v>
      </c>
      <c r="C206" s="27" t="s">
        <v>387</v>
      </c>
      <c r="D206" s="17" t="s">
        <v>388</v>
      </c>
      <c r="E206" s="16"/>
      <c r="G206" s="14"/>
      <c r="H206" s="3"/>
      <c r="I206" s="3"/>
      <c r="J206" s="3"/>
      <c r="K206" s="3"/>
    </row>
    <row r="207" spans="2:11" x14ac:dyDescent="0.4">
      <c r="B207" s="11">
        <v>202</v>
      </c>
      <c r="C207" s="27" t="s">
        <v>389</v>
      </c>
      <c r="D207" s="17" t="s">
        <v>390</v>
      </c>
      <c r="E207" s="16"/>
      <c r="G207" s="14"/>
      <c r="H207" s="3"/>
      <c r="I207" s="3"/>
      <c r="J207" s="3"/>
      <c r="K207" s="3"/>
    </row>
    <row r="208" spans="2:11" x14ac:dyDescent="0.4">
      <c r="B208" s="11">
        <v>203</v>
      </c>
      <c r="C208" s="27" t="s">
        <v>391</v>
      </c>
      <c r="D208" s="17" t="s">
        <v>392</v>
      </c>
      <c r="E208" s="16"/>
      <c r="G208" s="14"/>
      <c r="H208" s="3"/>
      <c r="I208" s="3"/>
      <c r="J208" s="3"/>
      <c r="K208" s="3"/>
    </row>
    <row r="209" spans="2:11" x14ac:dyDescent="0.4">
      <c r="B209" s="11">
        <v>204</v>
      </c>
      <c r="C209" s="27" t="s">
        <v>393</v>
      </c>
      <c r="D209" s="17" t="s">
        <v>394</v>
      </c>
      <c r="E209" s="16"/>
      <c r="G209" s="14"/>
      <c r="H209" s="3"/>
      <c r="I209" s="3"/>
      <c r="J209" s="3"/>
      <c r="K209" s="3"/>
    </row>
    <row r="210" spans="2:11" x14ac:dyDescent="0.4">
      <c r="B210" s="11">
        <v>205</v>
      </c>
      <c r="C210" s="27" t="s">
        <v>395</v>
      </c>
      <c r="D210" s="17" t="s">
        <v>396</v>
      </c>
      <c r="E210" s="16"/>
      <c r="G210" s="14"/>
      <c r="H210" s="3"/>
      <c r="I210" s="3"/>
      <c r="J210" s="3"/>
      <c r="K210" s="3"/>
    </row>
    <row r="211" spans="2:11" x14ac:dyDescent="0.4">
      <c r="B211" s="11">
        <v>206</v>
      </c>
      <c r="C211" s="27" t="s">
        <v>397</v>
      </c>
      <c r="D211" s="17" t="s">
        <v>398</v>
      </c>
      <c r="E211" s="16"/>
      <c r="G211" s="14"/>
      <c r="H211" s="3"/>
      <c r="I211" s="3"/>
      <c r="J211" s="3"/>
      <c r="K211" s="3"/>
    </row>
    <row r="212" spans="2:11" x14ac:dyDescent="0.4">
      <c r="B212" s="11">
        <v>207</v>
      </c>
      <c r="C212" s="27" t="s">
        <v>399</v>
      </c>
      <c r="D212" s="17" t="s">
        <v>400</v>
      </c>
      <c r="E212" s="16"/>
      <c r="G212" s="14"/>
      <c r="H212" s="3"/>
      <c r="I212" s="3"/>
      <c r="J212" s="3"/>
      <c r="K212" s="3"/>
    </row>
    <row r="213" spans="2:11" x14ac:dyDescent="0.4">
      <c r="B213" s="11">
        <v>208</v>
      </c>
      <c r="C213" s="27" t="s">
        <v>401</v>
      </c>
      <c r="D213" s="17" t="s">
        <v>402</v>
      </c>
      <c r="E213" s="16"/>
      <c r="G213" s="14"/>
      <c r="H213" s="3"/>
      <c r="I213" s="3"/>
      <c r="J213" s="3"/>
      <c r="K213" s="3"/>
    </row>
    <row r="214" spans="2:11" x14ac:dyDescent="0.4">
      <c r="B214" s="11">
        <v>209</v>
      </c>
      <c r="C214" s="27" t="s">
        <v>403</v>
      </c>
      <c r="D214" s="17" t="s">
        <v>404</v>
      </c>
      <c r="E214" s="16"/>
      <c r="G214" s="14"/>
      <c r="H214" s="3"/>
      <c r="I214" s="3"/>
      <c r="J214" s="3"/>
      <c r="K214" s="3"/>
    </row>
    <row r="215" spans="2:11" x14ac:dyDescent="0.4">
      <c r="B215" s="11">
        <v>210</v>
      </c>
      <c r="C215" s="27" t="s">
        <v>405</v>
      </c>
      <c r="D215" s="17" t="s">
        <v>1022</v>
      </c>
      <c r="E215" s="16"/>
      <c r="G215" s="14"/>
      <c r="H215" s="3"/>
      <c r="I215" s="3"/>
      <c r="J215" s="3"/>
      <c r="K215" s="3"/>
    </row>
    <row r="216" spans="2:11" x14ac:dyDescent="0.4">
      <c r="B216" s="11">
        <v>211</v>
      </c>
      <c r="C216" s="27" t="s">
        <v>406</v>
      </c>
      <c r="D216" s="17" t="s">
        <v>407</v>
      </c>
      <c r="E216" s="16"/>
      <c r="G216" s="14"/>
      <c r="H216" s="3"/>
      <c r="I216" s="3"/>
      <c r="J216" s="3"/>
      <c r="K216" s="3"/>
    </row>
    <row r="217" spans="2:11" x14ac:dyDescent="0.4">
      <c r="B217" s="11">
        <v>212</v>
      </c>
      <c r="C217" s="27" t="s">
        <v>408</v>
      </c>
      <c r="D217" s="17" t="s">
        <v>409</v>
      </c>
      <c r="E217" s="16"/>
      <c r="G217" s="14"/>
      <c r="H217" s="3"/>
      <c r="I217" s="3"/>
      <c r="J217" s="3"/>
      <c r="K217" s="3"/>
    </row>
    <row r="218" spans="2:11" x14ac:dyDescent="0.4">
      <c r="B218" s="11">
        <v>213</v>
      </c>
      <c r="C218" s="27" t="s">
        <v>410</v>
      </c>
      <c r="D218" s="17" t="s">
        <v>411</v>
      </c>
      <c r="E218" s="16"/>
      <c r="G218" s="14"/>
      <c r="H218" s="3"/>
      <c r="I218" s="3"/>
      <c r="J218" s="3"/>
      <c r="K218" s="3"/>
    </row>
    <row r="219" spans="2:11" x14ac:dyDescent="0.4">
      <c r="B219" s="11">
        <v>214</v>
      </c>
      <c r="C219" s="27" t="s">
        <v>412</v>
      </c>
      <c r="D219" s="17" t="s">
        <v>413</v>
      </c>
      <c r="E219" s="16"/>
      <c r="G219" s="14"/>
      <c r="H219" s="3"/>
      <c r="I219" s="3"/>
      <c r="J219" s="3"/>
      <c r="K219" s="3"/>
    </row>
    <row r="220" spans="2:11" x14ac:dyDescent="0.4">
      <c r="B220" s="11">
        <v>215</v>
      </c>
      <c r="C220" s="27" t="s">
        <v>414</v>
      </c>
      <c r="D220" s="17" t="s">
        <v>415</v>
      </c>
      <c r="E220" s="16"/>
      <c r="G220" s="14"/>
      <c r="H220" s="3"/>
      <c r="I220" s="3"/>
      <c r="J220" s="3"/>
      <c r="K220" s="3"/>
    </row>
    <row r="221" spans="2:11" x14ac:dyDescent="0.4">
      <c r="B221" s="11">
        <v>216</v>
      </c>
      <c r="C221" s="27" t="s">
        <v>416</v>
      </c>
      <c r="D221" s="17" t="s">
        <v>417</v>
      </c>
      <c r="E221" s="16"/>
      <c r="G221" s="14"/>
      <c r="H221" s="3"/>
      <c r="I221" s="3"/>
      <c r="J221" s="3"/>
      <c r="K221" s="3"/>
    </row>
    <row r="222" spans="2:11" x14ac:dyDescent="0.4">
      <c r="B222" s="11">
        <v>217</v>
      </c>
      <c r="C222" s="27" t="s">
        <v>418</v>
      </c>
      <c r="D222" s="17" t="s">
        <v>419</v>
      </c>
      <c r="E222" s="16"/>
      <c r="G222" s="14"/>
      <c r="H222" s="3"/>
      <c r="I222" s="3"/>
      <c r="J222" s="3"/>
      <c r="K222" s="3"/>
    </row>
    <row r="223" spans="2:11" x14ac:dyDescent="0.4">
      <c r="B223" s="11">
        <v>218</v>
      </c>
      <c r="C223" s="27" t="s">
        <v>420</v>
      </c>
      <c r="D223" s="17" t="s">
        <v>421</v>
      </c>
      <c r="E223" s="16"/>
      <c r="G223" s="14"/>
      <c r="H223" s="3"/>
      <c r="I223" s="3"/>
      <c r="J223" s="3"/>
      <c r="K223" s="3"/>
    </row>
    <row r="224" spans="2:11" x14ac:dyDescent="0.4">
      <c r="B224" s="11">
        <v>219</v>
      </c>
      <c r="C224" s="27" t="s">
        <v>422</v>
      </c>
      <c r="D224" s="17" t="s">
        <v>423</v>
      </c>
      <c r="E224" s="16"/>
      <c r="G224" s="14"/>
      <c r="H224" s="3"/>
      <c r="I224" s="3"/>
      <c r="J224" s="3"/>
      <c r="K224" s="3"/>
    </row>
    <row r="225" spans="2:11" x14ac:dyDescent="0.4">
      <c r="B225" s="11">
        <v>220</v>
      </c>
      <c r="C225" s="27" t="s">
        <v>424</v>
      </c>
      <c r="D225" s="17" t="s">
        <v>425</v>
      </c>
      <c r="E225" s="16"/>
      <c r="G225" s="14"/>
      <c r="H225" s="3"/>
      <c r="I225" s="3"/>
      <c r="J225" s="3"/>
      <c r="K225" s="3"/>
    </row>
    <row r="226" spans="2:11" x14ac:dyDescent="0.4">
      <c r="B226" s="11">
        <v>221</v>
      </c>
      <c r="C226" s="27" t="s">
        <v>426</v>
      </c>
      <c r="D226" s="17" t="s">
        <v>427</v>
      </c>
      <c r="E226" s="16"/>
      <c r="G226" s="14"/>
      <c r="H226" s="3"/>
      <c r="I226" s="3"/>
      <c r="J226" s="3"/>
      <c r="K226" s="3"/>
    </row>
    <row r="227" spans="2:11" x14ac:dyDescent="0.4">
      <c r="B227" s="11">
        <v>222</v>
      </c>
      <c r="C227" s="27" t="s">
        <v>428</v>
      </c>
      <c r="D227" s="17" t="s">
        <v>429</v>
      </c>
      <c r="E227" s="16"/>
      <c r="G227" s="14"/>
      <c r="H227" s="3"/>
      <c r="I227" s="3"/>
      <c r="J227" s="3"/>
      <c r="K227" s="3"/>
    </row>
    <row r="228" spans="2:11" x14ac:dyDescent="0.4">
      <c r="B228" s="11">
        <v>223</v>
      </c>
      <c r="C228" s="27" t="s">
        <v>430</v>
      </c>
      <c r="D228" s="17" t="s">
        <v>431</v>
      </c>
      <c r="E228" s="16"/>
      <c r="G228" s="14"/>
      <c r="H228" s="3"/>
      <c r="I228" s="3"/>
      <c r="J228" s="3"/>
      <c r="K228" s="3"/>
    </row>
    <row r="229" spans="2:11" x14ac:dyDescent="0.4">
      <c r="B229" s="11">
        <v>224</v>
      </c>
      <c r="C229" s="27" t="s">
        <v>432</v>
      </c>
      <c r="D229" s="17" t="s">
        <v>433</v>
      </c>
      <c r="E229" s="16"/>
      <c r="G229" s="14"/>
      <c r="H229" s="3"/>
      <c r="I229" s="3"/>
      <c r="J229" s="3"/>
      <c r="K229" s="3"/>
    </row>
    <row r="230" spans="2:11" x14ac:dyDescent="0.4">
      <c r="B230" s="11">
        <v>225</v>
      </c>
      <c r="C230" s="27" t="s">
        <v>434</v>
      </c>
      <c r="D230" s="17" t="s">
        <v>435</v>
      </c>
      <c r="E230" s="16"/>
      <c r="G230" s="14"/>
      <c r="H230" s="3"/>
      <c r="I230" s="3"/>
      <c r="J230" s="3"/>
      <c r="K230" s="3"/>
    </row>
    <row r="231" spans="2:11" x14ac:dyDescent="0.4">
      <c r="B231" s="11">
        <v>226</v>
      </c>
      <c r="C231" s="27" t="s">
        <v>436</v>
      </c>
      <c r="D231" s="17" t="s">
        <v>437</v>
      </c>
      <c r="E231" s="16"/>
      <c r="G231" s="14"/>
      <c r="H231" s="3"/>
      <c r="I231" s="3"/>
      <c r="J231" s="3"/>
      <c r="K231" s="3"/>
    </row>
    <row r="232" spans="2:11" x14ac:dyDescent="0.4">
      <c r="B232" s="11">
        <v>227</v>
      </c>
      <c r="C232" s="27" t="s">
        <v>438</v>
      </c>
      <c r="D232" s="17" t="s">
        <v>439</v>
      </c>
      <c r="E232" s="16"/>
      <c r="G232" s="14"/>
      <c r="H232" s="3"/>
      <c r="I232" s="3"/>
      <c r="J232" s="3"/>
      <c r="K232" s="3"/>
    </row>
    <row r="233" spans="2:11" x14ac:dyDescent="0.4">
      <c r="B233" s="11">
        <v>228</v>
      </c>
      <c r="C233" s="27" t="s">
        <v>440</v>
      </c>
      <c r="D233" s="17" t="s">
        <v>441</v>
      </c>
      <c r="E233" s="16"/>
      <c r="G233" s="14"/>
      <c r="H233" s="3"/>
      <c r="I233" s="3"/>
      <c r="J233" s="3"/>
      <c r="K233" s="3"/>
    </row>
    <row r="234" spans="2:11" x14ac:dyDescent="0.4">
      <c r="B234" s="11">
        <v>229</v>
      </c>
      <c r="C234" s="27" t="s">
        <v>442</v>
      </c>
      <c r="D234" s="17" t="s">
        <v>443</v>
      </c>
      <c r="E234" s="16"/>
      <c r="G234" s="14"/>
      <c r="H234" s="3"/>
      <c r="I234" s="3"/>
      <c r="J234" s="3"/>
      <c r="K234" s="3"/>
    </row>
    <row r="235" spans="2:11" x14ac:dyDescent="0.4">
      <c r="B235" s="11">
        <v>230</v>
      </c>
      <c r="C235" s="27" t="s">
        <v>444</v>
      </c>
      <c r="D235" s="17" t="s">
        <v>445</v>
      </c>
      <c r="E235" s="16"/>
      <c r="G235" s="14"/>
      <c r="H235" s="3"/>
      <c r="I235" s="3"/>
      <c r="J235" s="3"/>
      <c r="K235" s="3"/>
    </row>
    <row r="236" spans="2:11" x14ac:dyDescent="0.4">
      <c r="B236" s="11">
        <v>231</v>
      </c>
      <c r="C236" s="27" t="s">
        <v>446</v>
      </c>
      <c r="D236" s="17" t="s">
        <v>447</v>
      </c>
      <c r="E236" s="16"/>
      <c r="G236" s="14"/>
      <c r="H236" s="3"/>
      <c r="I236" s="3"/>
      <c r="J236" s="3"/>
      <c r="K236" s="3"/>
    </row>
    <row r="237" spans="2:11" x14ac:dyDescent="0.4">
      <c r="B237" s="11">
        <v>232</v>
      </c>
      <c r="C237" s="27" t="s">
        <v>448</v>
      </c>
      <c r="D237" s="17" t="s">
        <v>449</v>
      </c>
      <c r="E237" s="16"/>
      <c r="G237" s="14"/>
      <c r="H237" s="3"/>
      <c r="I237" s="3"/>
      <c r="J237" s="3"/>
      <c r="K237" s="3"/>
    </row>
    <row r="238" spans="2:11" x14ac:dyDescent="0.4">
      <c r="B238" s="11">
        <v>233</v>
      </c>
      <c r="C238" s="27" t="s">
        <v>450</v>
      </c>
      <c r="D238" s="17" t="s">
        <v>451</v>
      </c>
      <c r="E238" s="16"/>
      <c r="G238" s="14"/>
      <c r="H238" s="3"/>
      <c r="I238" s="3"/>
      <c r="J238" s="3"/>
      <c r="K238" s="3"/>
    </row>
    <row r="239" spans="2:11" x14ac:dyDescent="0.4">
      <c r="B239" s="11">
        <v>234</v>
      </c>
      <c r="C239" s="27" t="s">
        <v>452</v>
      </c>
      <c r="D239" s="17" t="s">
        <v>453</v>
      </c>
      <c r="E239" s="16"/>
      <c r="G239" s="14"/>
      <c r="H239" s="3"/>
      <c r="I239" s="3"/>
      <c r="J239" s="3"/>
      <c r="K239" s="3"/>
    </row>
    <row r="240" spans="2:11" x14ac:dyDescent="0.4">
      <c r="B240" s="11">
        <v>235</v>
      </c>
      <c r="C240" s="27" t="s">
        <v>454</v>
      </c>
      <c r="D240" s="17" t="s">
        <v>455</v>
      </c>
      <c r="E240" s="16"/>
      <c r="G240" s="14"/>
      <c r="H240" s="3"/>
      <c r="I240" s="3"/>
      <c r="J240" s="3"/>
      <c r="K240" s="3"/>
    </row>
    <row r="241" spans="2:11" x14ac:dyDescent="0.4">
      <c r="B241" s="11">
        <v>236</v>
      </c>
      <c r="C241" s="27" t="s">
        <v>456</v>
      </c>
      <c r="D241" s="17" t="s">
        <v>1023</v>
      </c>
      <c r="E241" s="16"/>
      <c r="G241" s="14"/>
      <c r="H241" s="3"/>
      <c r="I241" s="3"/>
      <c r="J241" s="3"/>
      <c r="K241" s="3"/>
    </row>
    <row r="242" spans="2:11" x14ac:dyDescent="0.4">
      <c r="B242" s="11">
        <v>237</v>
      </c>
      <c r="C242" s="27" t="s">
        <v>457</v>
      </c>
      <c r="D242" s="17" t="s">
        <v>458</v>
      </c>
      <c r="E242" s="16"/>
      <c r="G242" s="14"/>
      <c r="H242" s="3"/>
      <c r="I242" s="3"/>
      <c r="J242" s="3"/>
      <c r="K242" s="3"/>
    </row>
    <row r="243" spans="2:11" x14ac:dyDescent="0.4">
      <c r="B243" s="11">
        <v>238</v>
      </c>
      <c r="C243" s="27" t="s">
        <v>459</v>
      </c>
      <c r="D243" s="17" t="s">
        <v>460</v>
      </c>
      <c r="E243" s="16"/>
      <c r="G243" s="14"/>
      <c r="H243" s="3"/>
      <c r="I243" s="3"/>
      <c r="J243" s="3"/>
      <c r="K243" s="3"/>
    </row>
    <row r="244" spans="2:11" x14ac:dyDescent="0.4">
      <c r="B244" s="11">
        <v>239</v>
      </c>
      <c r="C244" s="27" t="s">
        <v>461</v>
      </c>
      <c r="D244" s="17" t="s">
        <v>462</v>
      </c>
      <c r="E244" s="16"/>
      <c r="G244" s="14"/>
      <c r="H244" s="3"/>
      <c r="I244" s="3"/>
      <c r="J244" s="3"/>
      <c r="K244" s="3"/>
    </row>
    <row r="245" spans="2:11" x14ac:dyDescent="0.4">
      <c r="B245" s="11">
        <v>240</v>
      </c>
      <c r="C245" s="27" t="s">
        <v>463</v>
      </c>
      <c r="D245" s="17" t="s">
        <v>464</v>
      </c>
      <c r="E245" s="16"/>
      <c r="G245" s="14"/>
      <c r="H245" s="3"/>
      <c r="I245" s="3"/>
      <c r="J245" s="3"/>
      <c r="K245" s="3"/>
    </row>
    <row r="246" spans="2:11" x14ac:dyDescent="0.4">
      <c r="B246" s="11">
        <v>241</v>
      </c>
      <c r="C246" s="27" t="s">
        <v>465</v>
      </c>
      <c r="D246" s="17" t="s">
        <v>466</v>
      </c>
      <c r="E246" s="16"/>
      <c r="G246" s="14"/>
      <c r="H246" s="3"/>
      <c r="I246" s="3"/>
      <c r="J246" s="3"/>
      <c r="K246" s="3"/>
    </row>
    <row r="247" spans="2:11" x14ac:dyDescent="0.4">
      <c r="B247" s="11">
        <v>242</v>
      </c>
      <c r="C247" s="27" t="s">
        <v>467</v>
      </c>
      <c r="D247" s="17" t="s">
        <v>468</v>
      </c>
      <c r="E247" s="16"/>
      <c r="G247" s="14"/>
      <c r="H247" s="3"/>
      <c r="I247" s="3"/>
      <c r="J247" s="3"/>
      <c r="K247" s="3"/>
    </row>
    <row r="248" spans="2:11" x14ac:dyDescent="0.4">
      <c r="B248" s="11">
        <v>243</v>
      </c>
      <c r="C248" s="27" t="s">
        <v>469</v>
      </c>
      <c r="D248" s="17" t="s">
        <v>470</v>
      </c>
      <c r="E248" s="16"/>
      <c r="G248" s="14"/>
      <c r="H248" s="3"/>
      <c r="I248" s="3"/>
      <c r="J248" s="3"/>
      <c r="K248" s="3"/>
    </row>
    <row r="249" spans="2:11" x14ac:dyDescent="0.4">
      <c r="B249" s="11">
        <v>244</v>
      </c>
      <c r="C249" s="27" t="s">
        <v>471</v>
      </c>
      <c r="D249" s="17" t="s">
        <v>472</v>
      </c>
      <c r="E249" s="16"/>
      <c r="G249" s="14"/>
      <c r="H249" s="3"/>
      <c r="I249" s="3"/>
      <c r="J249" s="3"/>
      <c r="K249" s="3"/>
    </row>
    <row r="250" spans="2:11" x14ac:dyDescent="0.4">
      <c r="B250" s="11">
        <v>245</v>
      </c>
      <c r="C250" s="27" t="s">
        <v>473</v>
      </c>
      <c r="D250" s="17" t="s">
        <v>474</v>
      </c>
      <c r="E250" s="16"/>
      <c r="G250" s="14"/>
      <c r="H250" s="3"/>
      <c r="I250" s="3"/>
      <c r="J250" s="3"/>
      <c r="K250" s="3"/>
    </row>
    <row r="251" spans="2:11" x14ac:dyDescent="0.4">
      <c r="B251" s="11">
        <v>246</v>
      </c>
      <c r="C251" s="27" t="s">
        <v>475</v>
      </c>
      <c r="D251" s="17" t="s">
        <v>476</v>
      </c>
      <c r="E251" s="16"/>
      <c r="G251" s="14"/>
      <c r="H251" s="3"/>
      <c r="I251" s="3"/>
      <c r="J251" s="3"/>
      <c r="K251" s="3"/>
    </row>
    <row r="252" spans="2:11" x14ac:dyDescent="0.4">
      <c r="B252" s="11">
        <v>247</v>
      </c>
      <c r="C252" s="27" t="s">
        <v>477</v>
      </c>
      <c r="D252" s="17" t="s">
        <v>478</v>
      </c>
      <c r="E252" s="16"/>
      <c r="G252" s="14"/>
      <c r="H252" s="3"/>
      <c r="I252" s="3"/>
      <c r="J252" s="3"/>
      <c r="K252" s="3"/>
    </row>
    <row r="253" spans="2:11" x14ac:dyDescent="0.4">
      <c r="B253" s="11">
        <v>248</v>
      </c>
      <c r="C253" s="27" t="s">
        <v>479</v>
      </c>
      <c r="D253" s="17" t="s">
        <v>480</v>
      </c>
      <c r="E253" s="16"/>
      <c r="G253" s="14"/>
      <c r="H253" s="3"/>
      <c r="I253" s="3"/>
      <c r="J253" s="3"/>
      <c r="K253" s="3"/>
    </row>
    <row r="254" spans="2:11" x14ac:dyDescent="0.4">
      <c r="B254" s="11">
        <v>249</v>
      </c>
      <c r="C254" s="27" t="s">
        <v>481</v>
      </c>
      <c r="D254" s="17" t="s">
        <v>1055</v>
      </c>
      <c r="E254" s="16"/>
      <c r="G254" s="14"/>
      <c r="H254" s="3"/>
      <c r="I254" s="3"/>
      <c r="J254" s="3"/>
      <c r="K254" s="3"/>
    </row>
    <row r="255" spans="2:11" x14ac:dyDescent="0.4">
      <c r="B255" s="11">
        <v>250</v>
      </c>
      <c r="C255" s="27" t="s">
        <v>482</v>
      </c>
      <c r="D255" s="17" t="s">
        <v>483</v>
      </c>
      <c r="E255" s="16"/>
      <c r="G255" s="14"/>
      <c r="H255" s="3"/>
      <c r="I255" s="3"/>
      <c r="J255" s="3"/>
      <c r="K255" s="3"/>
    </row>
    <row r="256" spans="2:11" x14ac:dyDescent="0.4">
      <c r="B256" s="11">
        <v>251</v>
      </c>
      <c r="C256" s="27" t="s">
        <v>484</v>
      </c>
      <c r="D256" s="17" t="s">
        <v>485</v>
      </c>
      <c r="E256" s="16"/>
      <c r="G256" s="14"/>
      <c r="H256" s="3"/>
      <c r="I256" s="3"/>
      <c r="J256" s="3"/>
      <c r="K256" s="3"/>
    </row>
    <row r="257" spans="2:11" x14ac:dyDescent="0.4">
      <c r="B257" s="11">
        <v>252</v>
      </c>
      <c r="C257" s="27" t="s">
        <v>486</v>
      </c>
      <c r="D257" s="17" t="s">
        <v>487</v>
      </c>
      <c r="E257" s="16"/>
      <c r="G257" s="14"/>
      <c r="H257" s="3"/>
      <c r="I257" s="3"/>
      <c r="J257" s="3"/>
      <c r="K257" s="3"/>
    </row>
    <row r="258" spans="2:11" x14ac:dyDescent="0.4">
      <c r="B258" s="11">
        <v>253</v>
      </c>
      <c r="C258" s="27" t="s">
        <v>488</v>
      </c>
      <c r="D258" s="17" t="s">
        <v>489</v>
      </c>
      <c r="E258" s="16"/>
      <c r="G258" s="14"/>
      <c r="H258" s="3"/>
      <c r="I258" s="3"/>
      <c r="J258" s="3"/>
      <c r="K258" s="3"/>
    </row>
    <row r="259" spans="2:11" x14ac:dyDescent="0.4">
      <c r="B259" s="11">
        <v>254</v>
      </c>
      <c r="C259" s="27" t="s">
        <v>490</v>
      </c>
      <c r="D259" s="17" t="s">
        <v>491</v>
      </c>
      <c r="E259" s="16"/>
      <c r="G259" s="14"/>
      <c r="H259" s="3"/>
      <c r="I259" s="3"/>
      <c r="J259" s="3"/>
      <c r="K259" s="3"/>
    </row>
    <row r="260" spans="2:11" x14ac:dyDescent="0.4">
      <c r="B260" s="11">
        <v>255</v>
      </c>
      <c r="C260" s="27" t="s">
        <v>492</v>
      </c>
      <c r="D260" s="17" t="s">
        <v>493</v>
      </c>
      <c r="E260" s="16"/>
      <c r="G260" s="14"/>
      <c r="H260" s="3"/>
      <c r="I260" s="3"/>
      <c r="J260" s="3"/>
      <c r="K260" s="3"/>
    </row>
    <row r="261" spans="2:11" x14ac:dyDescent="0.4">
      <c r="B261" s="11">
        <v>256</v>
      </c>
      <c r="C261" s="27" t="s">
        <v>494</v>
      </c>
      <c r="D261" s="17" t="s">
        <v>495</v>
      </c>
      <c r="E261" s="16"/>
      <c r="G261" s="14"/>
      <c r="H261" s="3"/>
      <c r="I261" s="3"/>
      <c r="J261" s="3"/>
      <c r="K261" s="3"/>
    </row>
    <row r="262" spans="2:11" x14ac:dyDescent="0.4">
      <c r="B262" s="11">
        <v>257</v>
      </c>
      <c r="C262" s="27" t="s">
        <v>496</v>
      </c>
      <c r="D262" s="17" t="s">
        <v>497</v>
      </c>
      <c r="E262" s="16"/>
      <c r="G262" s="14"/>
      <c r="H262" s="3"/>
      <c r="I262" s="3"/>
      <c r="J262" s="3"/>
      <c r="K262" s="3"/>
    </row>
    <row r="263" spans="2:11" x14ac:dyDescent="0.4">
      <c r="B263" s="11">
        <v>258</v>
      </c>
      <c r="C263" s="27" t="s">
        <v>498</v>
      </c>
      <c r="D263" s="17" t="s">
        <v>499</v>
      </c>
      <c r="E263" s="16"/>
      <c r="G263" s="14"/>
      <c r="H263" s="3"/>
      <c r="I263" s="3"/>
      <c r="J263" s="3"/>
      <c r="K263" s="3"/>
    </row>
    <row r="264" spans="2:11" x14ac:dyDescent="0.4">
      <c r="B264" s="11">
        <v>259</v>
      </c>
      <c r="C264" s="27" t="s">
        <v>500</v>
      </c>
      <c r="D264" s="17" t="s">
        <v>501</v>
      </c>
      <c r="E264" s="16"/>
      <c r="G264" s="14"/>
      <c r="H264" s="3"/>
      <c r="I264" s="3"/>
      <c r="J264" s="3"/>
      <c r="K264" s="3"/>
    </row>
    <row r="265" spans="2:11" x14ac:dyDescent="0.4">
      <c r="B265" s="11">
        <v>260</v>
      </c>
      <c r="C265" s="27" t="s">
        <v>502</v>
      </c>
      <c r="D265" s="17" t="s">
        <v>503</v>
      </c>
      <c r="E265" s="16"/>
      <c r="G265" s="14"/>
      <c r="H265" s="3"/>
      <c r="I265" s="3"/>
      <c r="J265" s="3"/>
      <c r="K265" s="3"/>
    </row>
    <row r="266" spans="2:11" x14ac:dyDescent="0.4">
      <c r="B266" s="11">
        <v>261</v>
      </c>
      <c r="C266" s="27" t="s">
        <v>504</v>
      </c>
      <c r="D266" s="17" t="s">
        <v>505</v>
      </c>
      <c r="E266" s="16"/>
      <c r="G266" s="14"/>
      <c r="H266" s="3"/>
      <c r="I266" s="3"/>
      <c r="J266" s="3"/>
      <c r="K266" s="3"/>
    </row>
    <row r="267" spans="2:11" x14ac:dyDescent="0.4">
      <c r="B267" s="11">
        <v>262</v>
      </c>
      <c r="C267" s="27" t="s">
        <v>506</v>
      </c>
      <c r="D267" s="17" t="s">
        <v>507</v>
      </c>
      <c r="E267" s="16"/>
      <c r="G267" s="14"/>
      <c r="H267" s="3"/>
      <c r="I267" s="3"/>
      <c r="J267" s="3"/>
      <c r="K267" s="3"/>
    </row>
    <row r="268" spans="2:11" x14ac:dyDescent="0.4">
      <c r="B268" s="11">
        <v>263</v>
      </c>
      <c r="C268" s="27" t="s">
        <v>508</v>
      </c>
      <c r="D268" s="17" t="s">
        <v>509</v>
      </c>
      <c r="E268" s="16"/>
      <c r="G268" s="14"/>
      <c r="H268" s="3"/>
      <c r="I268" s="3"/>
      <c r="J268" s="3"/>
      <c r="K268" s="3"/>
    </row>
    <row r="269" spans="2:11" x14ac:dyDescent="0.4">
      <c r="B269" s="11">
        <v>264</v>
      </c>
      <c r="C269" s="27" t="s">
        <v>510</v>
      </c>
      <c r="D269" s="17" t="s">
        <v>511</v>
      </c>
      <c r="E269" s="16"/>
      <c r="G269" s="14"/>
      <c r="H269" s="3"/>
      <c r="I269" s="3"/>
      <c r="J269" s="3"/>
      <c r="K269" s="3"/>
    </row>
    <row r="270" spans="2:11" x14ac:dyDescent="0.4">
      <c r="B270" s="11">
        <v>265</v>
      </c>
      <c r="C270" s="27" t="s">
        <v>512</v>
      </c>
      <c r="D270" s="17" t="s">
        <v>513</v>
      </c>
      <c r="E270" s="16"/>
      <c r="G270" s="14"/>
      <c r="H270" s="3"/>
      <c r="I270" s="3"/>
      <c r="J270" s="3"/>
      <c r="K270" s="3"/>
    </row>
    <row r="271" spans="2:11" x14ac:dyDescent="0.4">
      <c r="B271" s="11">
        <v>266</v>
      </c>
      <c r="C271" s="27" t="s">
        <v>514</v>
      </c>
      <c r="D271" s="17" t="s">
        <v>515</v>
      </c>
      <c r="E271" s="16"/>
      <c r="G271" s="14"/>
      <c r="H271" s="3"/>
      <c r="I271" s="3"/>
      <c r="J271" s="3"/>
      <c r="K271" s="3"/>
    </row>
    <row r="272" spans="2:11" x14ac:dyDescent="0.4">
      <c r="B272" s="11">
        <v>267</v>
      </c>
      <c r="C272" s="27" t="s">
        <v>516</v>
      </c>
      <c r="D272" s="17" t="s">
        <v>517</v>
      </c>
      <c r="E272" s="16"/>
      <c r="G272" s="14"/>
      <c r="H272" s="3"/>
      <c r="I272" s="3"/>
      <c r="J272" s="3"/>
      <c r="K272" s="3"/>
    </row>
    <row r="273" spans="2:11" x14ac:dyDescent="0.4">
      <c r="B273" s="11">
        <v>268</v>
      </c>
      <c r="C273" s="27" t="s">
        <v>518</v>
      </c>
      <c r="D273" s="17" t="s">
        <v>519</v>
      </c>
      <c r="E273" s="16"/>
      <c r="G273" s="14"/>
      <c r="H273" s="3"/>
      <c r="I273" s="3"/>
      <c r="J273" s="3"/>
      <c r="K273" s="3"/>
    </row>
    <row r="274" spans="2:11" x14ac:dyDescent="0.4">
      <c r="B274" s="11">
        <v>269</v>
      </c>
      <c r="C274" s="27" t="s">
        <v>520</v>
      </c>
      <c r="D274" s="17" t="s">
        <v>521</v>
      </c>
      <c r="E274" s="16"/>
      <c r="G274" s="14"/>
      <c r="H274" s="3"/>
      <c r="I274" s="3"/>
      <c r="J274" s="3"/>
      <c r="K274" s="3"/>
    </row>
    <row r="275" spans="2:11" x14ac:dyDescent="0.4">
      <c r="B275" s="11">
        <v>270</v>
      </c>
      <c r="C275" s="27" t="s">
        <v>522</v>
      </c>
      <c r="D275" s="17" t="s">
        <v>523</v>
      </c>
      <c r="E275" s="16"/>
      <c r="G275" s="14"/>
      <c r="H275" s="3"/>
      <c r="I275" s="3"/>
      <c r="J275" s="3"/>
      <c r="K275" s="3"/>
    </row>
    <row r="276" spans="2:11" x14ac:dyDescent="0.4">
      <c r="B276" s="11">
        <v>271</v>
      </c>
      <c r="C276" s="27" t="s">
        <v>524</v>
      </c>
      <c r="D276" s="17" t="s">
        <v>525</v>
      </c>
      <c r="E276" s="16"/>
      <c r="G276" s="14"/>
      <c r="H276" s="3"/>
      <c r="I276" s="3"/>
      <c r="J276" s="3"/>
      <c r="K276" s="3"/>
    </row>
    <row r="277" spans="2:11" x14ac:dyDescent="0.4">
      <c r="B277" s="11">
        <v>272</v>
      </c>
      <c r="C277" s="27" t="s">
        <v>526</v>
      </c>
      <c r="D277" s="17" t="s">
        <v>527</v>
      </c>
      <c r="E277" s="16"/>
      <c r="G277" s="14"/>
      <c r="H277" s="3"/>
      <c r="I277" s="3"/>
      <c r="J277" s="3"/>
      <c r="K277" s="3"/>
    </row>
    <row r="278" spans="2:11" x14ac:dyDescent="0.4">
      <c r="B278" s="11">
        <v>273</v>
      </c>
      <c r="C278" s="27" t="s">
        <v>528</v>
      </c>
      <c r="D278" s="17" t="s">
        <v>529</v>
      </c>
      <c r="E278" s="16"/>
      <c r="G278" s="14"/>
      <c r="H278" s="3"/>
      <c r="I278" s="3"/>
      <c r="J278" s="3"/>
      <c r="K278" s="3"/>
    </row>
    <row r="279" spans="2:11" x14ac:dyDescent="0.4">
      <c r="B279" s="11">
        <v>274</v>
      </c>
      <c r="C279" s="27" t="s">
        <v>530</v>
      </c>
      <c r="D279" s="17" t="s">
        <v>531</v>
      </c>
      <c r="E279" s="16"/>
      <c r="G279" s="14"/>
      <c r="H279" s="3"/>
      <c r="I279" s="3"/>
      <c r="J279" s="3"/>
      <c r="K279" s="3"/>
    </row>
    <row r="280" spans="2:11" x14ac:dyDescent="0.4">
      <c r="B280" s="11">
        <v>275</v>
      </c>
      <c r="C280" s="27" t="s">
        <v>532</v>
      </c>
      <c r="D280" s="17" t="s">
        <v>533</v>
      </c>
      <c r="E280" s="16"/>
      <c r="G280" s="14"/>
      <c r="H280" s="3"/>
      <c r="I280" s="3"/>
      <c r="J280" s="3"/>
      <c r="K280" s="3"/>
    </row>
    <row r="281" spans="2:11" x14ac:dyDescent="0.4">
      <c r="B281" s="11">
        <v>276</v>
      </c>
      <c r="C281" s="27" t="s">
        <v>534</v>
      </c>
      <c r="D281" s="17" t="s">
        <v>535</v>
      </c>
      <c r="E281" s="16"/>
      <c r="G281" s="14"/>
      <c r="H281" s="3"/>
      <c r="I281" s="3"/>
      <c r="J281" s="3"/>
      <c r="K281" s="3"/>
    </row>
    <row r="282" spans="2:11" x14ac:dyDescent="0.4">
      <c r="B282" s="11">
        <v>277</v>
      </c>
      <c r="C282" s="27" t="s">
        <v>536</v>
      </c>
      <c r="D282" s="17" t="s">
        <v>537</v>
      </c>
      <c r="E282" s="16"/>
      <c r="G282" s="14"/>
      <c r="H282" s="3"/>
      <c r="I282" s="3"/>
      <c r="J282" s="3"/>
      <c r="K282" s="3"/>
    </row>
    <row r="283" spans="2:11" x14ac:dyDescent="0.4">
      <c r="B283" s="11">
        <v>278</v>
      </c>
      <c r="C283" s="27" t="s">
        <v>538</v>
      </c>
      <c r="D283" s="17" t="s">
        <v>539</v>
      </c>
      <c r="E283" s="16"/>
      <c r="G283" s="14"/>
      <c r="H283" s="3"/>
      <c r="I283" s="3"/>
      <c r="J283" s="3"/>
      <c r="K283" s="3"/>
    </row>
    <row r="284" spans="2:11" x14ac:dyDescent="0.4">
      <c r="B284" s="11">
        <v>279</v>
      </c>
      <c r="C284" s="27" t="s">
        <v>540</v>
      </c>
      <c r="D284" s="17" t="s">
        <v>541</v>
      </c>
      <c r="E284" s="16"/>
      <c r="G284" s="14"/>
      <c r="H284" s="3"/>
      <c r="I284" s="3"/>
      <c r="J284" s="3"/>
      <c r="K284" s="3"/>
    </row>
    <row r="285" spans="2:11" x14ac:dyDescent="0.4">
      <c r="B285" s="11">
        <v>280</v>
      </c>
      <c r="C285" s="27" t="s">
        <v>542</v>
      </c>
      <c r="D285" s="17" t="s">
        <v>543</v>
      </c>
      <c r="E285" s="16"/>
      <c r="G285" s="14"/>
      <c r="H285" s="3"/>
      <c r="I285" s="3"/>
      <c r="J285" s="3"/>
      <c r="K285" s="3"/>
    </row>
    <row r="286" spans="2:11" x14ac:dyDescent="0.4">
      <c r="B286" s="11">
        <v>281</v>
      </c>
      <c r="C286" s="27" t="s">
        <v>544</v>
      </c>
      <c r="D286" s="17" t="s">
        <v>545</v>
      </c>
      <c r="E286" s="16"/>
      <c r="G286" s="14"/>
      <c r="H286" s="3"/>
      <c r="I286" s="3"/>
      <c r="J286" s="3"/>
      <c r="K286" s="3"/>
    </row>
    <row r="287" spans="2:11" x14ac:dyDescent="0.4">
      <c r="B287" s="11">
        <v>282</v>
      </c>
      <c r="C287" s="27" t="s">
        <v>546</v>
      </c>
      <c r="D287" s="17" t="s">
        <v>547</v>
      </c>
      <c r="E287" s="16"/>
      <c r="G287" s="14"/>
      <c r="H287" s="3"/>
      <c r="I287" s="3"/>
      <c r="J287" s="3"/>
      <c r="K287" s="3"/>
    </row>
    <row r="288" spans="2:11" x14ac:dyDescent="0.4">
      <c r="B288" s="11">
        <v>283</v>
      </c>
      <c r="C288" s="27" t="s">
        <v>548</v>
      </c>
      <c r="D288" s="17" t="s">
        <v>549</v>
      </c>
      <c r="E288" s="16"/>
      <c r="G288" s="14"/>
      <c r="H288" s="3"/>
      <c r="I288" s="3"/>
      <c r="J288" s="3"/>
      <c r="K288" s="3"/>
    </row>
    <row r="289" spans="2:11" x14ac:dyDescent="0.4">
      <c r="B289" s="11">
        <v>284</v>
      </c>
      <c r="C289" s="27" t="s">
        <v>550</v>
      </c>
      <c r="D289" s="17" t="s">
        <v>551</v>
      </c>
      <c r="E289" s="16"/>
      <c r="G289" s="14"/>
      <c r="H289" s="3"/>
      <c r="I289" s="3"/>
      <c r="J289" s="3"/>
      <c r="K289" s="3"/>
    </row>
    <row r="290" spans="2:11" x14ac:dyDescent="0.4">
      <c r="B290" s="11">
        <v>285</v>
      </c>
      <c r="C290" s="27" t="s">
        <v>552</v>
      </c>
      <c r="D290" s="17" t="s">
        <v>553</v>
      </c>
      <c r="E290" s="16"/>
      <c r="G290" s="14"/>
      <c r="H290" s="3"/>
      <c r="I290" s="3"/>
      <c r="J290" s="3"/>
      <c r="K290" s="3"/>
    </row>
    <row r="291" spans="2:11" x14ac:dyDescent="0.4">
      <c r="B291" s="11">
        <v>286</v>
      </c>
      <c r="C291" s="27" t="s">
        <v>554</v>
      </c>
      <c r="D291" s="17" t="s">
        <v>555</v>
      </c>
      <c r="E291" s="16"/>
      <c r="G291" s="14"/>
      <c r="H291" s="3"/>
      <c r="I291" s="3"/>
      <c r="J291" s="3"/>
      <c r="K291" s="3"/>
    </row>
    <row r="292" spans="2:11" x14ac:dyDescent="0.4">
      <c r="B292" s="11">
        <v>287</v>
      </c>
      <c r="C292" s="27" t="s">
        <v>556</v>
      </c>
      <c r="D292" s="17" t="s">
        <v>557</v>
      </c>
      <c r="E292" s="16"/>
      <c r="G292" s="14"/>
      <c r="H292" s="3"/>
      <c r="I292" s="3"/>
      <c r="J292" s="3"/>
      <c r="K292" s="3"/>
    </row>
    <row r="293" spans="2:11" x14ac:dyDescent="0.4">
      <c r="B293" s="11">
        <v>288</v>
      </c>
      <c r="C293" s="27" t="s">
        <v>558</v>
      </c>
      <c r="D293" s="17" t="s">
        <v>559</v>
      </c>
      <c r="E293" s="16"/>
      <c r="G293" s="14"/>
      <c r="H293" s="3"/>
      <c r="I293" s="3"/>
      <c r="J293" s="3"/>
      <c r="K293" s="3"/>
    </row>
    <row r="294" spans="2:11" x14ac:dyDescent="0.4">
      <c r="B294" s="11">
        <v>289</v>
      </c>
      <c r="C294" s="27" t="s">
        <v>560</v>
      </c>
      <c r="D294" s="17" t="s">
        <v>561</v>
      </c>
      <c r="E294" s="16"/>
      <c r="G294" s="14"/>
      <c r="H294" s="3"/>
      <c r="I294" s="3"/>
      <c r="J294" s="3"/>
      <c r="K294" s="3"/>
    </row>
    <row r="295" spans="2:11" x14ac:dyDescent="0.4">
      <c r="B295" s="11">
        <v>290</v>
      </c>
      <c r="C295" s="27" t="s">
        <v>562</v>
      </c>
      <c r="D295" s="17" t="s">
        <v>563</v>
      </c>
      <c r="E295" s="16"/>
      <c r="G295" s="14"/>
      <c r="H295" s="3"/>
      <c r="I295" s="3"/>
      <c r="J295" s="3"/>
      <c r="K295" s="3"/>
    </row>
    <row r="296" spans="2:11" x14ac:dyDescent="0.4">
      <c r="B296" s="11">
        <v>291</v>
      </c>
      <c r="C296" s="27" t="s">
        <v>564</v>
      </c>
      <c r="D296" s="17" t="s">
        <v>565</v>
      </c>
      <c r="E296" s="16"/>
      <c r="G296" s="14"/>
      <c r="H296" s="3"/>
      <c r="I296" s="3"/>
      <c r="J296" s="3"/>
      <c r="K296" s="3"/>
    </row>
    <row r="297" spans="2:11" x14ac:dyDescent="0.4">
      <c r="B297" s="11">
        <v>292</v>
      </c>
      <c r="C297" s="27" t="s">
        <v>566</v>
      </c>
      <c r="D297" s="17" t="s">
        <v>1024</v>
      </c>
      <c r="E297" s="16"/>
      <c r="G297" s="14"/>
      <c r="H297" s="3"/>
      <c r="I297" s="3"/>
      <c r="J297" s="3"/>
      <c r="K297" s="3"/>
    </row>
    <row r="298" spans="2:11" x14ac:dyDescent="0.4">
      <c r="B298" s="11">
        <v>293</v>
      </c>
      <c r="C298" s="27" t="s">
        <v>567</v>
      </c>
      <c r="D298" s="17" t="s">
        <v>568</v>
      </c>
      <c r="E298" s="16"/>
      <c r="G298" s="14"/>
      <c r="H298" s="3"/>
      <c r="I298" s="3"/>
      <c r="J298" s="3"/>
      <c r="K298" s="3"/>
    </row>
    <row r="299" spans="2:11" x14ac:dyDescent="0.4">
      <c r="B299" s="11">
        <v>294</v>
      </c>
      <c r="C299" s="27" t="s">
        <v>569</v>
      </c>
      <c r="D299" s="17" t="s">
        <v>570</v>
      </c>
      <c r="E299" s="16"/>
      <c r="G299" s="14"/>
      <c r="H299" s="3"/>
      <c r="I299" s="3"/>
      <c r="J299" s="3"/>
      <c r="K299" s="3"/>
    </row>
    <row r="300" spans="2:11" x14ac:dyDescent="0.4">
      <c r="B300" s="11">
        <v>295</v>
      </c>
      <c r="C300" s="27" t="s">
        <v>571</v>
      </c>
      <c r="D300" s="17" t="s">
        <v>572</v>
      </c>
      <c r="E300" s="16"/>
      <c r="G300" s="14"/>
      <c r="H300" s="3"/>
      <c r="I300" s="3"/>
      <c r="J300" s="3"/>
      <c r="K300" s="3"/>
    </row>
    <row r="301" spans="2:11" x14ac:dyDescent="0.4">
      <c r="B301" s="11">
        <v>296</v>
      </c>
      <c r="C301" s="27" t="s">
        <v>573</v>
      </c>
      <c r="D301" s="17" t="s">
        <v>574</v>
      </c>
      <c r="E301" s="16"/>
      <c r="G301" s="14"/>
      <c r="H301" s="3"/>
      <c r="I301" s="3"/>
      <c r="J301" s="3"/>
      <c r="K301" s="3"/>
    </row>
    <row r="302" spans="2:11" x14ac:dyDescent="0.4">
      <c r="B302" s="11">
        <v>297</v>
      </c>
      <c r="C302" s="27" t="s">
        <v>575</v>
      </c>
      <c r="D302" s="17" t="s">
        <v>576</v>
      </c>
      <c r="E302" s="16"/>
      <c r="G302" s="14"/>
      <c r="H302" s="3"/>
      <c r="I302" s="3"/>
      <c r="J302" s="3"/>
      <c r="K302" s="3"/>
    </row>
    <row r="303" spans="2:11" x14ac:dyDescent="0.4">
      <c r="B303" s="11">
        <v>298</v>
      </c>
      <c r="C303" s="27" t="s">
        <v>577</v>
      </c>
      <c r="D303" s="17" t="s">
        <v>1025</v>
      </c>
      <c r="E303" s="16"/>
      <c r="G303" s="14"/>
      <c r="H303" s="3"/>
      <c r="I303" s="3"/>
      <c r="J303" s="3"/>
      <c r="K303" s="3"/>
    </row>
    <row r="304" spans="2:11" x14ac:dyDescent="0.4">
      <c r="B304" s="11">
        <v>299</v>
      </c>
      <c r="C304" s="27" t="s">
        <v>578</v>
      </c>
      <c r="D304" s="17" t="s">
        <v>579</v>
      </c>
      <c r="E304" s="16"/>
      <c r="G304" s="14"/>
      <c r="H304" s="3"/>
      <c r="I304" s="3"/>
      <c r="J304" s="3"/>
      <c r="K304" s="3"/>
    </row>
    <row r="305" spans="2:11" x14ac:dyDescent="0.4">
      <c r="B305" s="11">
        <v>300</v>
      </c>
      <c r="C305" s="27" t="s">
        <v>580</v>
      </c>
      <c r="D305" s="17" t="s">
        <v>581</v>
      </c>
      <c r="E305" s="16"/>
      <c r="G305" s="14"/>
      <c r="H305" s="3"/>
      <c r="I305" s="3"/>
      <c r="J305" s="3"/>
      <c r="K305" s="3"/>
    </row>
    <row r="306" spans="2:11" x14ac:dyDescent="0.4">
      <c r="B306" s="11">
        <v>301</v>
      </c>
      <c r="C306" s="27" t="s">
        <v>582</v>
      </c>
      <c r="D306" s="17" t="s">
        <v>583</v>
      </c>
      <c r="E306" s="16"/>
      <c r="G306" s="14"/>
      <c r="H306" s="3"/>
      <c r="I306" s="3"/>
      <c r="J306" s="3"/>
      <c r="K306" s="3"/>
    </row>
    <row r="307" spans="2:11" x14ac:dyDescent="0.4">
      <c r="B307" s="11">
        <v>302</v>
      </c>
      <c r="C307" s="27" t="s">
        <v>584</v>
      </c>
      <c r="D307" s="17" t="s">
        <v>585</v>
      </c>
      <c r="E307" s="16"/>
      <c r="G307" s="14"/>
      <c r="H307" s="3"/>
      <c r="I307" s="3"/>
      <c r="J307" s="3"/>
      <c r="K307" s="3"/>
    </row>
    <row r="308" spans="2:11" x14ac:dyDescent="0.4">
      <c r="B308" s="11">
        <v>303</v>
      </c>
      <c r="C308" s="27" t="s">
        <v>586</v>
      </c>
      <c r="D308" s="17" t="s">
        <v>587</v>
      </c>
      <c r="E308" s="16"/>
      <c r="G308" s="14"/>
      <c r="H308" s="3"/>
      <c r="I308" s="3"/>
      <c r="J308" s="3"/>
      <c r="K308" s="3"/>
    </row>
    <row r="309" spans="2:11" x14ac:dyDescent="0.4">
      <c r="B309" s="11">
        <v>304</v>
      </c>
      <c r="C309" s="27" t="s">
        <v>588</v>
      </c>
      <c r="D309" s="17" t="s">
        <v>589</v>
      </c>
      <c r="E309" s="16"/>
      <c r="G309" s="14"/>
      <c r="H309" s="3"/>
      <c r="I309" s="3"/>
      <c r="J309" s="3"/>
      <c r="K309" s="3"/>
    </row>
    <row r="310" spans="2:11" x14ac:dyDescent="0.4">
      <c r="B310" s="11">
        <v>305</v>
      </c>
      <c r="C310" s="27" t="s">
        <v>590</v>
      </c>
      <c r="D310" s="17" t="s">
        <v>591</v>
      </c>
      <c r="E310" s="16"/>
      <c r="G310" s="14"/>
      <c r="H310" s="3"/>
      <c r="I310" s="3"/>
      <c r="J310" s="3"/>
      <c r="K310" s="3"/>
    </row>
    <row r="311" spans="2:11" x14ac:dyDescent="0.4">
      <c r="B311" s="11">
        <v>306</v>
      </c>
      <c r="C311" s="27" t="s">
        <v>592</v>
      </c>
      <c r="D311" s="17" t="s">
        <v>593</v>
      </c>
      <c r="E311" s="16"/>
      <c r="G311" s="14"/>
      <c r="H311" s="3"/>
      <c r="I311" s="3"/>
      <c r="J311" s="3"/>
      <c r="K311" s="3"/>
    </row>
    <row r="312" spans="2:11" x14ac:dyDescent="0.4">
      <c r="B312" s="11">
        <v>307</v>
      </c>
      <c r="C312" s="27" t="s">
        <v>594</v>
      </c>
      <c r="D312" s="17" t="s">
        <v>595</v>
      </c>
      <c r="E312" s="16"/>
      <c r="G312" s="14"/>
      <c r="H312" s="3"/>
      <c r="I312" s="3"/>
      <c r="J312" s="3"/>
      <c r="K312" s="3"/>
    </row>
    <row r="313" spans="2:11" x14ac:dyDescent="0.4">
      <c r="B313" s="11">
        <v>308</v>
      </c>
      <c r="C313" s="27" t="s">
        <v>596</v>
      </c>
      <c r="D313" s="17" t="s">
        <v>597</v>
      </c>
      <c r="E313" s="16"/>
      <c r="G313" s="14"/>
      <c r="H313" s="3"/>
      <c r="I313" s="3"/>
      <c r="J313" s="3"/>
      <c r="K313" s="3"/>
    </row>
    <row r="314" spans="2:11" x14ac:dyDescent="0.4">
      <c r="B314" s="11">
        <v>309</v>
      </c>
      <c r="C314" s="27" t="s">
        <v>598</v>
      </c>
      <c r="D314" s="17" t="s">
        <v>599</v>
      </c>
      <c r="E314" s="16"/>
      <c r="G314" s="14"/>
      <c r="H314" s="3"/>
      <c r="I314" s="3"/>
      <c r="J314" s="3"/>
      <c r="K314" s="3"/>
    </row>
    <row r="315" spans="2:11" x14ac:dyDescent="0.4">
      <c r="B315" s="11">
        <v>310</v>
      </c>
      <c r="C315" s="27" t="s">
        <v>600</v>
      </c>
      <c r="D315" s="17" t="s">
        <v>601</v>
      </c>
      <c r="E315" s="16"/>
      <c r="G315" s="14"/>
      <c r="H315" s="3"/>
      <c r="I315" s="3"/>
      <c r="J315" s="3"/>
      <c r="K315" s="3"/>
    </row>
    <row r="316" spans="2:11" x14ac:dyDescent="0.4">
      <c r="B316" s="11">
        <v>311</v>
      </c>
      <c r="C316" s="27" t="s">
        <v>602</v>
      </c>
      <c r="D316" s="17" t="s">
        <v>603</v>
      </c>
      <c r="E316" s="16"/>
      <c r="G316" s="14"/>
      <c r="H316" s="3"/>
      <c r="I316" s="3"/>
      <c r="J316" s="3"/>
      <c r="K316" s="3"/>
    </row>
    <row r="317" spans="2:11" x14ac:dyDescent="0.4">
      <c r="B317" s="11">
        <v>312</v>
      </c>
      <c r="C317" s="27" t="s">
        <v>604</v>
      </c>
      <c r="D317" s="17" t="s">
        <v>605</v>
      </c>
      <c r="E317" s="16"/>
      <c r="G317" s="14"/>
      <c r="H317" s="3"/>
      <c r="I317" s="3"/>
      <c r="J317" s="3"/>
      <c r="K317" s="3"/>
    </row>
    <row r="318" spans="2:11" x14ac:dyDescent="0.4">
      <c r="B318" s="11">
        <v>313</v>
      </c>
      <c r="C318" s="27" t="s">
        <v>606</v>
      </c>
      <c r="D318" s="17" t="s">
        <v>607</v>
      </c>
      <c r="E318" s="16"/>
      <c r="G318" s="14"/>
      <c r="H318" s="3"/>
      <c r="I318" s="3"/>
      <c r="J318" s="3"/>
      <c r="K318" s="3"/>
    </row>
    <row r="319" spans="2:11" x14ac:dyDescent="0.4">
      <c r="B319" s="11">
        <v>314</v>
      </c>
      <c r="C319" s="27" t="s">
        <v>608</v>
      </c>
      <c r="D319" s="17" t="s">
        <v>609</v>
      </c>
      <c r="E319" s="16"/>
      <c r="G319" s="14"/>
      <c r="H319" s="3"/>
      <c r="I319" s="3"/>
      <c r="J319" s="3"/>
      <c r="K319" s="3"/>
    </row>
    <row r="320" spans="2:11" x14ac:dyDescent="0.4">
      <c r="B320" s="11">
        <v>315</v>
      </c>
      <c r="C320" s="27" t="s">
        <v>610</v>
      </c>
      <c r="D320" s="17" t="s">
        <v>611</v>
      </c>
      <c r="E320" s="16"/>
      <c r="G320" s="14"/>
      <c r="H320" s="3"/>
      <c r="I320" s="3"/>
      <c r="J320" s="3"/>
      <c r="K320" s="3"/>
    </row>
    <row r="321" spans="2:11" x14ac:dyDescent="0.4">
      <c r="B321" s="11">
        <v>316</v>
      </c>
      <c r="C321" s="27" t="s">
        <v>612</v>
      </c>
      <c r="D321" s="17" t="s">
        <v>613</v>
      </c>
      <c r="E321" s="16"/>
      <c r="G321" s="14"/>
      <c r="H321" s="3"/>
      <c r="I321" s="3"/>
      <c r="J321" s="3"/>
      <c r="K321" s="3"/>
    </row>
    <row r="322" spans="2:11" x14ac:dyDescent="0.4">
      <c r="B322" s="11">
        <v>317</v>
      </c>
      <c r="C322" s="27" t="s">
        <v>614</v>
      </c>
      <c r="D322" s="17" t="s">
        <v>615</v>
      </c>
      <c r="E322" s="16"/>
      <c r="G322" s="14"/>
      <c r="H322" s="3"/>
      <c r="I322" s="3"/>
      <c r="J322" s="3"/>
      <c r="K322" s="3"/>
    </row>
    <row r="323" spans="2:11" x14ac:dyDescent="0.4">
      <c r="B323" s="11">
        <v>318</v>
      </c>
      <c r="C323" s="27" t="s">
        <v>616</v>
      </c>
      <c r="D323" s="17" t="s">
        <v>617</v>
      </c>
      <c r="E323" s="16"/>
      <c r="G323" s="14"/>
      <c r="H323" s="3"/>
      <c r="I323" s="3"/>
      <c r="J323" s="3"/>
      <c r="K323" s="3"/>
    </row>
    <row r="324" spans="2:11" x14ac:dyDescent="0.4">
      <c r="B324" s="11">
        <v>319</v>
      </c>
      <c r="C324" s="27" t="s">
        <v>618</v>
      </c>
      <c r="D324" s="17" t="s">
        <v>619</v>
      </c>
      <c r="E324" s="16"/>
      <c r="G324" s="14"/>
      <c r="H324" s="3"/>
      <c r="I324" s="3"/>
      <c r="J324" s="3"/>
      <c r="K324" s="3"/>
    </row>
    <row r="325" spans="2:11" x14ac:dyDescent="0.4">
      <c r="B325" s="11">
        <v>320</v>
      </c>
      <c r="C325" s="27" t="s">
        <v>620</v>
      </c>
      <c r="D325" s="17" t="s">
        <v>621</v>
      </c>
      <c r="E325" s="16"/>
      <c r="G325" s="14"/>
      <c r="H325" s="3"/>
      <c r="I325" s="3"/>
      <c r="J325" s="3"/>
      <c r="K325" s="3"/>
    </row>
    <row r="326" spans="2:11" x14ac:dyDescent="0.4">
      <c r="B326" s="11">
        <v>321</v>
      </c>
      <c r="C326" s="27" t="s">
        <v>622</v>
      </c>
      <c r="D326" s="17" t="s">
        <v>623</v>
      </c>
      <c r="E326" s="16"/>
      <c r="G326" s="14"/>
      <c r="H326" s="3"/>
      <c r="I326" s="3"/>
      <c r="J326" s="3"/>
      <c r="K326" s="3"/>
    </row>
    <row r="327" spans="2:11" x14ac:dyDescent="0.4">
      <c r="B327" s="11">
        <v>322</v>
      </c>
      <c r="C327" s="27" t="s">
        <v>624</v>
      </c>
      <c r="D327" s="17" t="s">
        <v>625</v>
      </c>
      <c r="E327" s="16"/>
      <c r="G327" s="14"/>
      <c r="H327" s="3"/>
      <c r="I327" s="3"/>
      <c r="J327" s="3"/>
      <c r="K327" s="3"/>
    </row>
    <row r="328" spans="2:11" x14ac:dyDescent="0.4">
      <c r="B328" s="11">
        <v>323</v>
      </c>
      <c r="C328" s="27" t="s">
        <v>626</v>
      </c>
      <c r="D328" s="17" t="s">
        <v>627</v>
      </c>
      <c r="E328" s="16"/>
      <c r="G328" s="14"/>
      <c r="H328" s="3"/>
      <c r="I328" s="3"/>
      <c r="J328" s="3"/>
      <c r="K328" s="3"/>
    </row>
    <row r="329" spans="2:11" x14ac:dyDescent="0.4">
      <c r="B329" s="11">
        <v>324</v>
      </c>
      <c r="C329" s="27" t="s">
        <v>628</v>
      </c>
      <c r="D329" s="17" t="s">
        <v>629</v>
      </c>
      <c r="E329" s="16"/>
      <c r="G329" s="14"/>
      <c r="H329" s="3"/>
      <c r="I329" s="3"/>
      <c r="J329" s="3"/>
      <c r="K329" s="3"/>
    </row>
    <row r="330" spans="2:11" x14ac:dyDescent="0.4">
      <c r="B330" s="11">
        <v>325</v>
      </c>
      <c r="C330" s="27" t="s">
        <v>630</v>
      </c>
      <c r="D330" s="17" t="s">
        <v>631</v>
      </c>
      <c r="E330" s="16"/>
      <c r="G330" s="14"/>
      <c r="H330" s="3"/>
      <c r="I330" s="3"/>
      <c r="J330" s="3"/>
      <c r="K330" s="3"/>
    </row>
    <row r="331" spans="2:11" x14ac:dyDescent="0.4">
      <c r="B331" s="11">
        <v>326</v>
      </c>
      <c r="C331" s="27" t="s">
        <v>632</v>
      </c>
      <c r="D331" s="17" t="s">
        <v>633</v>
      </c>
      <c r="E331" s="16"/>
      <c r="G331" s="14"/>
      <c r="H331" s="3"/>
      <c r="I331" s="3"/>
      <c r="J331" s="3"/>
      <c r="K331" s="3"/>
    </row>
    <row r="332" spans="2:11" x14ac:dyDescent="0.4">
      <c r="B332" s="11">
        <v>327</v>
      </c>
      <c r="C332" s="27" t="s">
        <v>634</v>
      </c>
      <c r="D332" s="17" t="s">
        <v>635</v>
      </c>
      <c r="E332" s="16"/>
      <c r="G332" s="14"/>
      <c r="H332" s="3"/>
      <c r="I332" s="3"/>
      <c r="J332" s="3"/>
      <c r="K332" s="3"/>
    </row>
    <row r="333" spans="2:11" x14ac:dyDescent="0.4">
      <c r="B333" s="11">
        <v>328</v>
      </c>
      <c r="C333" s="27" t="s">
        <v>636</v>
      </c>
      <c r="D333" s="17" t="s">
        <v>637</v>
      </c>
      <c r="E333" s="16"/>
      <c r="G333" s="14"/>
      <c r="H333" s="3"/>
      <c r="I333" s="3"/>
      <c r="J333" s="3"/>
      <c r="K333" s="3"/>
    </row>
    <row r="334" spans="2:11" x14ac:dyDescent="0.4">
      <c r="B334" s="11">
        <v>329</v>
      </c>
      <c r="C334" s="27" t="s">
        <v>638</v>
      </c>
      <c r="D334" s="17" t="s">
        <v>639</v>
      </c>
      <c r="E334" s="16"/>
      <c r="G334" s="14"/>
      <c r="H334" s="3"/>
      <c r="I334" s="3"/>
      <c r="J334" s="3"/>
      <c r="K334" s="3"/>
    </row>
    <row r="335" spans="2:11" x14ac:dyDescent="0.4">
      <c r="B335" s="11">
        <v>330</v>
      </c>
      <c r="C335" s="27" t="s">
        <v>640</v>
      </c>
      <c r="D335" s="17" t="s">
        <v>641</v>
      </c>
      <c r="E335" s="16"/>
      <c r="G335" s="14"/>
      <c r="H335" s="3"/>
      <c r="I335" s="3"/>
      <c r="J335" s="3"/>
      <c r="K335" s="3"/>
    </row>
    <row r="336" spans="2:11" x14ac:dyDescent="0.4">
      <c r="B336" s="11">
        <v>331</v>
      </c>
      <c r="C336" s="27" t="s">
        <v>642</v>
      </c>
      <c r="D336" s="17" t="s">
        <v>643</v>
      </c>
      <c r="E336" s="16"/>
      <c r="G336" s="14"/>
      <c r="H336" s="3"/>
      <c r="I336" s="3"/>
      <c r="J336" s="3"/>
      <c r="K336" s="3"/>
    </row>
    <row r="337" spans="2:11" x14ac:dyDescent="0.4">
      <c r="B337" s="11">
        <v>332</v>
      </c>
      <c r="C337" s="27" t="s">
        <v>644</v>
      </c>
      <c r="D337" s="17" t="s">
        <v>645</v>
      </c>
      <c r="E337" s="16"/>
      <c r="G337" s="14"/>
      <c r="H337" s="3"/>
      <c r="I337" s="3"/>
      <c r="J337" s="3"/>
      <c r="K337" s="3"/>
    </row>
    <row r="338" spans="2:11" x14ac:dyDescent="0.4">
      <c r="B338" s="11">
        <v>333</v>
      </c>
      <c r="C338" s="27" t="s">
        <v>646</v>
      </c>
      <c r="D338" s="17" t="s">
        <v>647</v>
      </c>
      <c r="E338" s="16"/>
      <c r="G338" s="14"/>
      <c r="H338" s="3"/>
      <c r="I338" s="3"/>
      <c r="J338" s="3"/>
      <c r="K338" s="3"/>
    </row>
    <row r="339" spans="2:11" x14ac:dyDescent="0.4">
      <c r="B339" s="11">
        <v>334</v>
      </c>
      <c r="C339" s="27" t="s">
        <v>648</v>
      </c>
      <c r="D339" s="17" t="s">
        <v>649</v>
      </c>
      <c r="E339" s="16"/>
      <c r="G339" s="14"/>
      <c r="H339" s="3"/>
      <c r="I339" s="3"/>
      <c r="J339" s="3"/>
      <c r="K339" s="3"/>
    </row>
    <row r="340" spans="2:11" x14ac:dyDescent="0.4">
      <c r="B340" s="11">
        <v>335</v>
      </c>
      <c r="C340" s="27" t="s">
        <v>650</v>
      </c>
      <c r="D340" s="17" t="s">
        <v>651</v>
      </c>
      <c r="E340" s="16"/>
      <c r="G340" s="14"/>
      <c r="H340" s="3"/>
      <c r="I340" s="3"/>
      <c r="J340" s="3"/>
      <c r="K340" s="3"/>
    </row>
    <row r="341" spans="2:11" x14ac:dyDescent="0.4">
      <c r="B341" s="11">
        <v>336</v>
      </c>
      <c r="C341" s="27" t="s">
        <v>652</v>
      </c>
      <c r="D341" s="17" t="s">
        <v>653</v>
      </c>
      <c r="E341" s="16"/>
      <c r="G341" s="14"/>
      <c r="H341" s="3"/>
      <c r="I341" s="3"/>
      <c r="J341" s="3"/>
      <c r="K341" s="3"/>
    </row>
    <row r="342" spans="2:11" x14ac:dyDescent="0.4">
      <c r="B342" s="11">
        <v>337</v>
      </c>
      <c r="C342" s="27" t="s">
        <v>654</v>
      </c>
      <c r="D342" s="17" t="s">
        <v>655</v>
      </c>
      <c r="E342" s="16"/>
      <c r="G342" s="14"/>
      <c r="H342" s="3"/>
      <c r="I342" s="3"/>
      <c r="J342" s="3"/>
      <c r="K342" s="3"/>
    </row>
    <row r="343" spans="2:11" x14ac:dyDescent="0.4">
      <c r="B343" s="11">
        <v>338</v>
      </c>
      <c r="C343" s="27" t="s">
        <v>656</v>
      </c>
      <c r="D343" s="17" t="s">
        <v>657</v>
      </c>
      <c r="E343" s="16"/>
      <c r="G343" s="14"/>
      <c r="H343" s="3"/>
      <c r="I343" s="3"/>
      <c r="J343" s="3"/>
      <c r="K343" s="3"/>
    </row>
    <row r="344" spans="2:11" x14ac:dyDescent="0.4">
      <c r="B344" s="11">
        <v>339</v>
      </c>
      <c r="C344" s="27" t="s">
        <v>658</v>
      </c>
      <c r="D344" s="17" t="s">
        <v>659</v>
      </c>
      <c r="E344" s="16"/>
      <c r="G344" s="14"/>
      <c r="H344" s="3"/>
      <c r="I344" s="3"/>
      <c r="J344" s="3"/>
      <c r="K344" s="3"/>
    </row>
    <row r="345" spans="2:11" x14ac:dyDescent="0.4">
      <c r="B345" s="11">
        <v>340</v>
      </c>
      <c r="C345" s="27" t="s">
        <v>660</v>
      </c>
      <c r="D345" s="17" t="s">
        <v>661</v>
      </c>
      <c r="E345" s="16"/>
      <c r="G345" s="14"/>
      <c r="H345" s="3"/>
      <c r="I345" s="3"/>
      <c r="J345" s="3"/>
      <c r="K345" s="3"/>
    </row>
    <row r="346" spans="2:11" x14ac:dyDescent="0.4">
      <c r="B346" s="11">
        <v>341</v>
      </c>
      <c r="C346" s="27" t="s">
        <v>662</v>
      </c>
      <c r="D346" s="17" t="s">
        <v>663</v>
      </c>
      <c r="E346" s="16"/>
      <c r="G346" s="14"/>
      <c r="H346" s="3"/>
      <c r="I346" s="3"/>
      <c r="J346" s="3"/>
      <c r="K346" s="3"/>
    </row>
    <row r="347" spans="2:11" x14ac:dyDescent="0.4">
      <c r="B347" s="11">
        <v>342</v>
      </c>
      <c r="C347" s="27" t="s">
        <v>664</v>
      </c>
      <c r="D347" s="17" t="s">
        <v>665</v>
      </c>
      <c r="E347" s="16"/>
      <c r="G347" s="14"/>
      <c r="H347" s="3"/>
      <c r="I347" s="3"/>
      <c r="J347" s="3"/>
      <c r="K347" s="3"/>
    </row>
    <row r="348" spans="2:11" x14ac:dyDescent="0.4">
      <c r="B348" s="11">
        <v>343</v>
      </c>
      <c r="C348" s="27" t="s">
        <v>666</v>
      </c>
      <c r="D348" s="17" t="s">
        <v>667</v>
      </c>
      <c r="E348" s="16"/>
      <c r="G348" s="14"/>
      <c r="H348" s="3"/>
      <c r="I348" s="3"/>
      <c r="J348" s="3"/>
      <c r="K348" s="3"/>
    </row>
    <row r="349" spans="2:11" x14ac:dyDescent="0.4">
      <c r="B349" s="11">
        <v>344</v>
      </c>
      <c r="C349" s="27" t="s">
        <v>668</v>
      </c>
      <c r="D349" s="17" t="s">
        <v>669</v>
      </c>
      <c r="E349" s="16"/>
      <c r="G349" s="14"/>
      <c r="H349" s="3"/>
      <c r="I349" s="3"/>
      <c r="J349" s="3"/>
      <c r="K349" s="3"/>
    </row>
    <row r="350" spans="2:11" x14ac:dyDescent="0.4">
      <c r="B350" s="11">
        <v>345</v>
      </c>
      <c r="C350" s="27" t="s">
        <v>670</v>
      </c>
      <c r="D350" s="17" t="s">
        <v>671</v>
      </c>
      <c r="E350" s="16"/>
      <c r="G350" s="14"/>
      <c r="H350" s="3"/>
      <c r="I350" s="3"/>
      <c r="J350" s="3"/>
      <c r="K350" s="3"/>
    </row>
    <row r="351" spans="2:11" x14ac:dyDescent="0.4">
      <c r="B351" s="11">
        <v>346</v>
      </c>
      <c r="C351" s="27" t="s">
        <v>672</v>
      </c>
      <c r="D351" s="17" t="s">
        <v>673</v>
      </c>
      <c r="E351" s="16"/>
      <c r="G351" s="14"/>
      <c r="H351" s="3"/>
      <c r="I351" s="3"/>
      <c r="J351" s="3"/>
      <c r="K351" s="3"/>
    </row>
    <row r="352" spans="2:11" x14ac:dyDescent="0.4">
      <c r="B352" s="11">
        <v>347</v>
      </c>
      <c r="C352" s="27" t="s">
        <v>674</v>
      </c>
      <c r="D352" s="17" t="s">
        <v>675</v>
      </c>
      <c r="E352" s="16"/>
      <c r="G352" s="14"/>
      <c r="H352" s="3"/>
      <c r="I352" s="3"/>
      <c r="J352" s="3"/>
      <c r="K352" s="3"/>
    </row>
    <row r="353" spans="2:11" x14ac:dyDescent="0.4">
      <c r="B353" s="11">
        <v>348</v>
      </c>
      <c r="C353" s="27" t="s">
        <v>676</v>
      </c>
      <c r="D353" s="17" t="s">
        <v>677</v>
      </c>
      <c r="E353" s="16"/>
      <c r="G353" s="14"/>
      <c r="H353" s="3"/>
      <c r="I353" s="3"/>
      <c r="J353" s="3"/>
      <c r="K353" s="3"/>
    </row>
    <row r="354" spans="2:11" x14ac:dyDescent="0.4">
      <c r="B354" s="11">
        <v>349</v>
      </c>
      <c r="C354" s="27" t="s">
        <v>678</v>
      </c>
      <c r="D354" s="17" t="s">
        <v>679</v>
      </c>
      <c r="E354" s="16"/>
      <c r="G354" s="14"/>
      <c r="H354" s="3"/>
      <c r="I354" s="3"/>
      <c r="J354" s="3"/>
      <c r="K354" s="3"/>
    </row>
    <row r="355" spans="2:11" x14ac:dyDescent="0.4">
      <c r="B355" s="11">
        <v>350</v>
      </c>
      <c r="C355" s="27" t="s">
        <v>680</v>
      </c>
      <c r="D355" s="17" t="s">
        <v>681</v>
      </c>
      <c r="E355" s="16"/>
      <c r="G355" s="14"/>
      <c r="H355" s="3"/>
      <c r="I355" s="3"/>
      <c r="J355" s="3"/>
      <c r="K355" s="3"/>
    </row>
    <row r="356" spans="2:11" x14ac:dyDescent="0.4">
      <c r="B356" s="11">
        <v>351</v>
      </c>
      <c r="C356" s="27" t="s">
        <v>682</v>
      </c>
      <c r="D356" s="17" t="s">
        <v>683</v>
      </c>
      <c r="E356" s="16"/>
      <c r="G356" s="14"/>
      <c r="H356" s="3"/>
      <c r="I356" s="3"/>
      <c r="J356" s="3"/>
      <c r="K356" s="3"/>
    </row>
    <row r="357" spans="2:11" x14ac:dyDescent="0.4">
      <c r="B357" s="11">
        <v>352</v>
      </c>
      <c r="C357" s="27" t="s">
        <v>684</v>
      </c>
      <c r="D357" s="17" t="s">
        <v>685</v>
      </c>
      <c r="E357" s="16"/>
      <c r="G357" s="14"/>
      <c r="H357" s="3"/>
      <c r="I357" s="3"/>
      <c r="J357" s="3"/>
      <c r="K357" s="3"/>
    </row>
    <row r="358" spans="2:11" x14ac:dyDescent="0.4">
      <c r="B358" s="11">
        <v>353</v>
      </c>
      <c r="C358" s="27" t="s">
        <v>686</v>
      </c>
      <c r="D358" s="17" t="s">
        <v>687</v>
      </c>
      <c r="E358" s="16"/>
      <c r="G358" s="14"/>
      <c r="H358" s="3"/>
      <c r="I358" s="3"/>
      <c r="J358" s="3"/>
      <c r="K358" s="3"/>
    </row>
    <row r="359" spans="2:11" x14ac:dyDescent="0.4">
      <c r="B359" s="11">
        <v>354</v>
      </c>
      <c r="C359" s="27" t="s">
        <v>688</v>
      </c>
      <c r="D359" s="17" t="s">
        <v>689</v>
      </c>
      <c r="E359" s="16"/>
      <c r="G359" s="14"/>
      <c r="H359" s="3"/>
      <c r="I359" s="3"/>
      <c r="J359" s="3"/>
      <c r="K359" s="3"/>
    </row>
    <row r="360" spans="2:11" x14ac:dyDescent="0.4">
      <c r="B360" s="11">
        <v>355</v>
      </c>
      <c r="C360" s="27" t="s">
        <v>690</v>
      </c>
      <c r="D360" s="17" t="s">
        <v>691</v>
      </c>
      <c r="E360" s="16"/>
      <c r="G360" s="14"/>
      <c r="H360" s="3"/>
      <c r="I360" s="3"/>
      <c r="J360" s="3"/>
      <c r="K360" s="3"/>
    </row>
    <row r="361" spans="2:11" x14ac:dyDescent="0.4">
      <c r="B361" s="11">
        <v>356</v>
      </c>
      <c r="C361" s="27" t="s">
        <v>692</v>
      </c>
      <c r="D361" s="17" t="s">
        <v>693</v>
      </c>
      <c r="E361" s="16"/>
      <c r="G361" s="14"/>
      <c r="H361" s="3"/>
      <c r="I361" s="3"/>
      <c r="J361" s="3"/>
      <c r="K361" s="3"/>
    </row>
    <row r="362" spans="2:11" x14ac:dyDescent="0.4">
      <c r="B362" s="11">
        <v>357</v>
      </c>
      <c r="C362" s="27" t="s">
        <v>694</v>
      </c>
      <c r="D362" s="17" t="s">
        <v>695</v>
      </c>
      <c r="E362" s="16"/>
      <c r="G362" s="14"/>
      <c r="H362" s="3"/>
      <c r="I362" s="3"/>
      <c r="J362" s="3"/>
      <c r="K362" s="3"/>
    </row>
    <row r="363" spans="2:11" x14ac:dyDescent="0.4">
      <c r="B363" s="11">
        <v>358</v>
      </c>
      <c r="C363" s="27" t="s">
        <v>696</v>
      </c>
      <c r="D363" s="17" t="s">
        <v>697</v>
      </c>
      <c r="E363" s="16"/>
      <c r="G363" s="14"/>
      <c r="H363" s="3"/>
      <c r="I363" s="3"/>
      <c r="J363" s="3"/>
      <c r="K363" s="3"/>
    </row>
    <row r="364" spans="2:11" x14ac:dyDescent="0.4">
      <c r="B364" s="11">
        <v>359</v>
      </c>
      <c r="C364" s="27" t="s">
        <v>698</v>
      </c>
      <c r="D364" s="17" t="s">
        <v>699</v>
      </c>
      <c r="E364" s="16"/>
      <c r="G364" s="14"/>
      <c r="H364" s="3"/>
      <c r="I364" s="3"/>
      <c r="J364" s="3"/>
      <c r="K364" s="3"/>
    </row>
    <row r="365" spans="2:11" x14ac:dyDescent="0.4">
      <c r="B365" s="11">
        <v>360</v>
      </c>
      <c r="C365" s="27" t="s">
        <v>700</v>
      </c>
      <c r="D365" s="17" t="s">
        <v>1070</v>
      </c>
      <c r="E365" s="16"/>
      <c r="G365" s="14"/>
      <c r="H365" s="3"/>
      <c r="I365" s="3"/>
      <c r="J365" s="3"/>
      <c r="K365" s="3"/>
    </row>
    <row r="366" spans="2:11" x14ac:dyDescent="0.4">
      <c r="B366" s="11">
        <v>361</v>
      </c>
      <c r="C366" s="27" t="s">
        <v>701</v>
      </c>
      <c r="D366" s="17" t="s">
        <v>702</v>
      </c>
      <c r="E366" s="16"/>
      <c r="G366" s="14"/>
      <c r="H366" s="3"/>
      <c r="I366" s="3"/>
      <c r="J366" s="3"/>
      <c r="K366" s="3"/>
    </row>
    <row r="367" spans="2:11" x14ac:dyDescent="0.4">
      <c r="B367" s="11">
        <v>362</v>
      </c>
      <c r="C367" s="27" t="s">
        <v>703</v>
      </c>
      <c r="D367" s="17" t="s">
        <v>704</v>
      </c>
      <c r="E367" s="16"/>
      <c r="G367" s="14"/>
      <c r="H367" s="3"/>
      <c r="I367" s="3"/>
      <c r="J367" s="3"/>
      <c r="K367" s="3"/>
    </row>
    <row r="368" spans="2:11" x14ac:dyDescent="0.4">
      <c r="B368" s="11">
        <v>363</v>
      </c>
      <c r="C368" s="27" t="s">
        <v>705</v>
      </c>
      <c r="D368" s="17" t="s">
        <v>706</v>
      </c>
      <c r="E368" s="16"/>
      <c r="G368" s="14"/>
      <c r="H368" s="3"/>
      <c r="I368" s="3"/>
      <c r="J368" s="3"/>
      <c r="K368" s="3"/>
    </row>
    <row r="369" spans="2:11" x14ac:dyDescent="0.4">
      <c r="B369" s="11">
        <v>364</v>
      </c>
      <c r="C369" s="27" t="s">
        <v>707</v>
      </c>
      <c r="D369" s="17" t="s">
        <v>708</v>
      </c>
      <c r="E369" s="16"/>
      <c r="G369" s="14"/>
      <c r="H369" s="3"/>
      <c r="I369" s="3"/>
      <c r="J369" s="3"/>
      <c r="K369" s="3"/>
    </row>
    <row r="370" spans="2:11" x14ac:dyDescent="0.4">
      <c r="B370" s="11">
        <v>365</v>
      </c>
      <c r="C370" s="27" t="s">
        <v>709</v>
      </c>
      <c r="D370" s="17" t="s">
        <v>710</v>
      </c>
      <c r="E370" s="16"/>
      <c r="G370" s="14"/>
      <c r="H370" s="3"/>
      <c r="I370" s="3"/>
      <c r="J370" s="3"/>
      <c r="K370" s="3"/>
    </row>
    <row r="371" spans="2:11" x14ac:dyDescent="0.4">
      <c r="B371" s="11">
        <v>366</v>
      </c>
      <c r="C371" s="27" t="s">
        <v>711</v>
      </c>
      <c r="D371" s="17" t="s">
        <v>712</v>
      </c>
      <c r="E371" s="16"/>
      <c r="G371" s="14"/>
      <c r="H371" s="3"/>
      <c r="I371" s="3"/>
      <c r="J371" s="3"/>
      <c r="K371" s="3"/>
    </row>
    <row r="372" spans="2:11" x14ac:dyDescent="0.4">
      <c r="B372" s="11">
        <v>367</v>
      </c>
      <c r="C372" s="27" t="s">
        <v>713</v>
      </c>
      <c r="D372" s="17" t="s">
        <v>714</v>
      </c>
      <c r="E372" s="16"/>
      <c r="G372" s="14"/>
      <c r="H372" s="3"/>
      <c r="I372" s="3"/>
      <c r="J372" s="3"/>
      <c r="K372" s="3"/>
    </row>
    <row r="373" spans="2:11" x14ac:dyDescent="0.4">
      <c r="B373" s="11">
        <v>368</v>
      </c>
      <c r="C373" s="27" t="s">
        <v>715</v>
      </c>
      <c r="D373" s="17" t="s">
        <v>716</v>
      </c>
      <c r="E373" s="16"/>
      <c r="G373" s="14"/>
      <c r="H373" s="3"/>
      <c r="I373" s="3"/>
      <c r="J373" s="3"/>
      <c r="K373" s="3"/>
    </row>
    <row r="374" spans="2:11" x14ac:dyDescent="0.4">
      <c r="B374" s="11">
        <v>369</v>
      </c>
      <c r="C374" s="27" t="s">
        <v>717</v>
      </c>
      <c r="D374" s="17" t="s">
        <v>718</v>
      </c>
      <c r="E374" s="16"/>
      <c r="G374" s="14"/>
      <c r="H374" s="3"/>
      <c r="I374" s="3"/>
      <c r="J374" s="3"/>
      <c r="K374" s="3"/>
    </row>
    <row r="375" spans="2:11" x14ac:dyDescent="0.4">
      <c r="B375" s="11">
        <v>370</v>
      </c>
      <c r="C375" s="27" t="s">
        <v>719</v>
      </c>
      <c r="D375" s="17" t="s">
        <v>720</v>
      </c>
      <c r="E375" s="16"/>
      <c r="G375" s="14"/>
      <c r="H375" s="3"/>
      <c r="I375" s="3"/>
      <c r="J375" s="3"/>
      <c r="K375" s="3"/>
    </row>
    <row r="376" spans="2:11" x14ac:dyDescent="0.4">
      <c r="B376" s="11">
        <v>371</v>
      </c>
      <c r="C376" s="27" t="s">
        <v>721</v>
      </c>
      <c r="D376" s="17" t="s">
        <v>722</v>
      </c>
      <c r="E376" s="16"/>
      <c r="G376" s="14"/>
      <c r="H376" s="3"/>
      <c r="I376" s="3"/>
      <c r="J376" s="3"/>
      <c r="K376" s="3"/>
    </row>
    <row r="377" spans="2:11" x14ac:dyDescent="0.4">
      <c r="B377" s="11">
        <v>372</v>
      </c>
      <c r="C377" s="27" t="s">
        <v>723</v>
      </c>
      <c r="D377" s="17" t="s">
        <v>724</v>
      </c>
      <c r="E377" s="16"/>
      <c r="G377" s="14"/>
      <c r="H377" s="3"/>
      <c r="I377" s="3"/>
      <c r="J377" s="3"/>
      <c r="K377" s="3"/>
    </row>
    <row r="378" spans="2:11" x14ac:dyDescent="0.4">
      <c r="B378" s="11">
        <v>373</v>
      </c>
      <c r="C378" s="27" t="s">
        <v>725</v>
      </c>
      <c r="D378" s="17" t="s">
        <v>726</v>
      </c>
      <c r="E378" s="16"/>
      <c r="G378" s="14"/>
      <c r="H378" s="3"/>
      <c r="I378" s="3"/>
      <c r="J378" s="3"/>
      <c r="K378" s="3"/>
    </row>
    <row r="379" spans="2:11" x14ac:dyDescent="0.4">
      <c r="B379" s="11">
        <v>374</v>
      </c>
      <c r="C379" s="27" t="s">
        <v>727</v>
      </c>
      <c r="D379" s="17" t="s">
        <v>728</v>
      </c>
      <c r="E379" s="16"/>
      <c r="G379" s="14"/>
      <c r="H379" s="3"/>
      <c r="I379" s="3"/>
      <c r="J379" s="3"/>
      <c r="K379" s="3"/>
    </row>
    <row r="380" spans="2:11" x14ac:dyDescent="0.4">
      <c r="B380" s="11">
        <v>375</v>
      </c>
      <c r="C380" s="27" t="s">
        <v>729</v>
      </c>
      <c r="D380" s="17" t="s">
        <v>730</v>
      </c>
      <c r="E380" s="16"/>
      <c r="G380" s="14"/>
      <c r="H380" s="3"/>
      <c r="I380" s="3"/>
      <c r="J380" s="3"/>
      <c r="K380" s="3"/>
    </row>
    <row r="381" spans="2:11" x14ac:dyDescent="0.4">
      <c r="B381" s="11">
        <v>376</v>
      </c>
      <c r="C381" s="27" t="s">
        <v>731</v>
      </c>
      <c r="D381" s="17" t="s">
        <v>732</v>
      </c>
      <c r="E381" s="16"/>
      <c r="G381" s="14"/>
      <c r="H381" s="3"/>
      <c r="I381" s="3"/>
      <c r="J381" s="3"/>
      <c r="K381" s="3"/>
    </row>
    <row r="382" spans="2:11" x14ac:dyDescent="0.4">
      <c r="B382" s="11">
        <v>377</v>
      </c>
      <c r="C382" s="27" t="s">
        <v>733</v>
      </c>
      <c r="D382" s="17" t="s">
        <v>734</v>
      </c>
      <c r="E382" s="16"/>
      <c r="G382" s="14"/>
      <c r="H382" s="3"/>
      <c r="I382" s="3"/>
      <c r="J382" s="3"/>
      <c r="K382" s="3"/>
    </row>
    <row r="383" spans="2:11" x14ac:dyDescent="0.4">
      <c r="B383" s="11">
        <v>378</v>
      </c>
      <c r="C383" s="27" t="s">
        <v>735</v>
      </c>
      <c r="D383" s="17" t="s">
        <v>736</v>
      </c>
      <c r="E383" s="16"/>
      <c r="G383" s="14"/>
      <c r="H383" s="3"/>
      <c r="I383" s="3"/>
      <c r="J383" s="3"/>
      <c r="K383" s="3"/>
    </row>
    <row r="384" spans="2:11" x14ac:dyDescent="0.4">
      <c r="B384" s="11">
        <v>379</v>
      </c>
      <c r="C384" s="27" t="s">
        <v>737</v>
      </c>
      <c r="D384" s="17" t="s">
        <v>738</v>
      </c>
      <c r="E384" s="16"/>
      <c r="G384" s="14"/>
      <c r="H384" s="3"/>
      <c r="I384" s="3"/>
      <c r="J384" s="3"/>
      <c r="K384" s="3"/>
    </row>
    <row r="385" spans="2:11" x14ac:dyDescent="0.4">
      <c r="B385" s="11">
        <v>380</v>
      </c>
      <c r="C385" s="27" t="s">
        <v>739</v>
      </c>
      <c r="D385" s="17" t="s">
        <v>740</v>
      </c>
      <c r="E385" s="16"/>
      <c r="G385" s="14"/>
      <c r="H385" s="3"/>
      <c r="I385" s="3"/>
      <c r="J385" s="3"/>
      <c r="K385" s="3"/>
    </row>
    <row r="386" spans="2:11" x14ac:dyDescent="0.4">
      <c r="B386" s="11">
        <v>381</v>
      </c>
      <c r="C386" s="27" t="s">
        <v>741</v>
      </c>
      <c r="D386" s="17" t="s">
        <v>742</v>
      </c>
      <c r="E386" s="16"/>
      <c r="G386" s="14"/>
      <c r="H386" s="3"/>
      <c r="I386" s="3"/>
      <c r="J386" s="3"/>
      <c r="K386" s="3"/>
    </row>
    <row r="387" spans="2:11" x14ac:dyDescent="0.4">
      <c r="B387" s="11">
        <v>382</v>
      </c>
      <c r="C387" s="27" t="s">
        <v>743</v>
      </c>
      <c r="D387" s="17" t="s">
        <v>1026</v>
      </c>
      <c r="E387" s="16"/>
      <c r="G387" s="14"/>
      <c r="H387" s="3"/>
      <c r="I387" s="3"/>
      <c r="J387" s="3"/>
      <c r="K387" s="3"/>
    </row>
    <row r="388" spans="2:11" x14ac:dyDescent="0.4">
      <c r="B388" s="11">
        <v>383</v>
      </c>
      <c r="C388" s="27" t="s">
        <v>744</v>
      </c>
      <c r="D388" s="17" t="s">
        <v>745</v>
      </c>
      <c r="E388" s="16"/>
      <c r="G388" s="14"/>
      <c r="H388" s="3"/>
      <c r="I388" s="3"/>
      <c r="J388" s="3"/>
      <c r="K388" s="3"/>
    </row>
    <row r="389" spans="2:11" x14ac:dyDescent="0.4">
      <c r="B389" s="11">
        <v>384</v>
      </c>
      <c r="C389" s="27" t="s">
        <v>746</v>
      </c>
      <c r="D389" s="17" t="s">
        <v>747</v>
      </c>
      <c r="E389" s="16"/>
      <c r="G389" s="14"/>
      <c r="H389" s="3"/>
      <c r="I389" s="3"/>
      <c r="J389" s="3"/>
      <c r="K389" s="3"/>
    </row>
    <row r="390" spans="2:11" x14ac:dyDescent="0.4">
      <c r="B390" s="11">
        <v>385</v>
      </c>
      <c r="C390" s="27" t="s">
        <v>748</v>
      </c>
      <c r="D390" s="17" t="s">
        <v>749</v>
      </c>
      <c r="E390" s="16"/>
      <c r="G390" s="14"/>
      <c r="H390" s="3"/>
      <c r="I390" s="3"/>
      <c r="J390" s="3"/>
      <c r="K390" s="3"/>
    </row>
    <row r="391" spans="2:11" x14ac:dyDescent="0.4">
      <c r="B391" s="11">
        <v>386</v>
      </c>
      <c r="C391" s="27" t="s">
        <v>750</v>
      </c>
      <c r="D391" s="17" t="s">
        <v>751</v>
      </c>
      <c r="E391" s="16"/>
      <c r="G391" s="14"/>
      <c r="H391" s="3"/>
      <c r="I391" s="3"/>
      <c r="J391" s="3"/>
      <c r="K391" s="3"/>
    </row>
    <row r="392" spans="2:11" x14ac:dyDescent="0.4">
      <c r="B392" s="11">
        <v>387</v>
      </c>
      <c r="C392" s="27" t="s">
        <v>752</v>
      </c>
      <c r="D392" s="17" t="s">
        <v>753</v>
      </c>
      <c r="E392" s="16"/>
      <c r="G392" s="14"/>
      <c r="H392" s="3"/>
      <c r="I392" s="3"/>
      <c r="J392" s="3"/>
      <c r="K392" s="3"/>
    </row>
    <row r="393" spans="2:11" x14ac:dyDescent="0.4">
      <c r="B393" s="11">
        <v>388</v>
      </c>
      <c r="C393" s="27" t="s">
        <v>754</v>
      </c>
      <c r="D393" s="17" t="s">
        <v>755</v>
      </c>
      <c r="E393" s="16"/>
      <c r="G393" s="14"/>
      <c r="H393" s="3"/>
      <c r="I393" s="3"/>
      <c r="J393" s="3"/>
      <c r="K393" s="3"/>
    </row>
    <row r="394" spans="2:11" x14ac:dyDescent="0.4">
      <c r="B394" s="11">
        <v>389</v>
      </c>
      <c r="C394" s="27" t="s">
        <v>756</v>
      </c>
      <c r="D394" s="17" t="s">
        <v>757</v>
      </c>
      <c r="E394" s="16"/>
      <c r="G394" s="14"/>
      <c r="H394" s="3"/>
      <c r="I394" s="3"/>
      <c r="J394" s="3"/>
      <c r="K394" s="3"/>
    </row>
    <row r="395" spans="2:11" x14ac:dyDescent="0.4">
      <c r="B395" s="11">
        <v>390</v>
      </c>
      <c r="C395" s="27" t="s">
        <v>758</v>
      </c>
      <c r="D395" s="17" t="s">
        <v>759</v>
      </c>
      <c r="E395" s="16"/>
      <c r="G395" s="14"/>
      <c r="H395" s="3"/>
      <c r="I395" s="3"/>
      <c r="J395" s="3"/>
      <c r="K395" s="3"/>
    </row>
    <row r="396" spans="2:11" x14ac:dyDescent="0.4">
      <c r="B396" s="11">
        <v>391</v>
      </c>
      <c r="C396" s="27" t="s">
        <v>760</v>
      </c>
      <c r="D396" s="17" t="s">
        <v>761</v>
      </c>
      <c r="E396" s="16"/>
      <c r="G396" s="14"/>
      <c r="H396" s="3"/>
      <c r="I396" s="3"/>
      <c r="J396" s="3"/>
      <c r="K396" s="3"/>
    </row>
    <row r="397" spans="2:11" x14ac:dyDescent="0.4">
      <c r="B397" s="11">
        <v>392</v>
      </c>
      <c r="C397" s="27" t="s">
        <v>762</v>
      </c>
      <c r="D397" s="17" t="s">
        <v>763</v>
      </c>
      <c r="E397" s="16"/>
      <c r="G397" s="14"/>
      <c r="H397" s="3"/>
      <c r="I397" s="3"/>
      <c r="J397" s="3"/>
      <c r="K397" s="3"/>
    </row>
    <row r="398" spans="2:11" x14ac:dyDescent="0.4">
      <c r="B398" s="11">
        <v>393</v>
      </c>
      <c r="C398" s="27" t="s">
        <v>764</v>
      </c>
      <c r="D398" s="17" t="s">
        <v>765</v>
      </c>
      <c r="E398" s="16"/>
      <c r="G398" s="14"/>
      <c r="H398" s="3"/>
      <c r="I398" s="3"/>
      <c r="J398" s="3"/>
      <c r="K398" s="3"/>
    </row>
    <row r="399" spans="2:11" x14ac:dyDescent="0.4">
      <c r="B399" s="11">
        <v>394</v>
      </c>
      <c r="C399" s="27" t="s">
        <v>766</v>
      </c>
      <c r="D399" s="17" t="s">
        <v>767</v>
      </c>
      <c r="E399" s="16"/>
      <c r="G399" s="14"/>
      <c r="H399" s="3"/>
      <c r="I399" s="3"/>
      <c r="J399" s="3"/>
      <c r="K399" s="3"/>
    </row>
    <row r="400" spans="2:11" x14ac:dyDescent="0.4">
      <c r="B400" s="11">
        <v>395</v>
      </c>
      <c r="C400" s="27" t="s">
        <v>768</v>
      </c>
      <c r="D400" s="17" t="s">
        <v>1027</v>
      </c>
      <c r="E400" s="16"/>
      <c r="G400" s="14"/>
      <c r="H400" s="3"/>
      <c r="I400" s="3"/>
      <c r="J400" s="3"/>
      <c r="K400" s="3"/>
    </row>
    <row r="401" spans="2:11" x14ac:dyDescent="0.4">
      <c r="B401" s="11">
        <v>396</v>
      </c>
      <c r="C401" s="27" t="s">
        <v>769</v>
      </c>
      <c r="D401" s="17" t="s">
        <v>770</v>
      </c>
      <c r="E401" s="16"/>
      <c r="G401" s="14"/>
      <c r="H401" s="3"/>
      <c r="I401" s="3"/>
      <c r="J401" s="3"/>
      <c r="K401" s="3"/>
    </row>
    <row r="402" spans="2:11" x14ac:dyDescent="0.4">
      <c r="B402" s="11">
        <v>397</v>
      </c>
      <c r="C402" s="27" t="s">
        <v>771</v>
      </c>
      <c r="D402" s="17" t="s">
        <v>772</v>
      </c>
      <c r="E402" s="16"/>
      <c r="G402" s="14"/>
      <c r="H402" s="3"/>
      <c r="I402" s="3"/>
      <c r="J402" s="3"/>
      <c r="K402" s="3"/>
    </row>
    <row r="403" spans="2:11" x14ac:dyDescent="0.4">
      <c r="B403" s="11">
        <v>398</v>
      </c>
      <c r="C403" s="27" t="s">
        <v>773</v>
      </c>
      <c r="D403" s="17" t="s">
        <v>774</v>
      </c>
      <c r="E403" s="16"/>
      <c r="G403" s="14"/>
      <c r="H403" s="3"/>
      <c r="I403" s="3"/>
      <c r="J403" s="3"/>
      <c r="K403" s="3"/>
    </row>
    <row r="404" spans="2:11" x14ac:dyDescent="0.4">
      <c r="B404" s="11">
        <v>399</v>
      </c>
      <c r="C404" s="27" t="s">
        <v>775</v>
      </c>
      <c r="D404" s="17" t="s">
        <v>776</v>
      </c>
      <c r="E404" s="16"/>
      <c r="G404" s="14"/>
      <c r="H404" s="3"/>
      <c r="I404" s="3"/>
      <c r="J404" s="3"/>
      <c r="K404" s="3"/>
    </row>
    <row r="405" spans="2:11" x14ac:dyDescent="0.4">
      <c r="B405" s="11">
        <v>400</v>
      </c>
      <c r="C405" s="27" t="s">
        <v>777</v>
      </c>
      <c r="D405" s="17" t="s">
        <v>778</v>
      </c>
      <c r="E405" s="16"/>
      <c r="G405" s="14"/>
      <c r="H405" s="3"/>
      <c r="I405" s="3"/>
      <c r="J405" s="3"/>
      <c r="K405" s="3"/>
    </row>
    <row r="406" spans="2:11" x14ac:dyDescent="0.4">
      <c r="B406" s="11">
        <v>401</v>
      </c>
      <c r="C406" s="27" t="s">
        <v>779</v>
      </c>
      <c r="D406" s="17" t="s">
        <v>780</v>
      </c>
      <c r="E406" s="16"/>
      <c r="G406" s="14"/>
      <c r="H406" s="3"/>
      <c r="I406" s="3"/>
      <c r="J406" s="3"/>
      <c r="K406" s="3"/>
    </row>
    <row r="407" spans="2:11" x14ac:dyDescent="0.4">
      <c r="B407" s="11">
        <v>402</v>
      </c>
      <c r="C407" s="27" t="s">
        <v>781</v>
      </c>
      <c r="D407" s="17" t="s">
        <v>782</v>
      </c>
      <c r="E407" s="16"/>
      <c r="G407" s="14"/>
      <c r="H407" s="3"/>
      <c r="I407" s="3"/>
      <c r="J407" s="3"/>
      <c r="K407" s="3"/>
    </row>
    <row r="408" spans="2:11" x14ac:dyDescent="0.4">
      <c r="B408" s="11">
        <v>403</v>
      </c>
      <c r="C408" s="27" t="s">
        <v>783</v>
      </c>
      <c r="D408" s="17" t="s">
        <v>784</v>
      </c>
      <c r="E408" s="16"/>
      <c r="G408" s="14"/>
      <c r="H408" s="3"/>
      <c r="I408" s="3"/>
      <c r="J408" s="3"/>
      <c r="K408" s="3"/>
    </row>
    <row r="409" spans="2:11" x14ac:dyDescent="0.4">
      <c r="B409" s="11">
        <v>404</v>
      </c>
      <c r="C409" s="27" t="s">
        <v>785</v>
      </c>
      <c r="D409" s="17" t="s">
        <v>786</v>
      </c>
      <c r="E409" s="16"/>
      <c r="G409" s="14"/>
      <c r="H409" s="3"/>
      <c r="I409" s="3"/>
      <c r="J409" s="3"/>
      <c r="K409" s="3"/>
    </row>
    <row r="410" spans="2:11" x14ac:dyDescent="0.4">
      <c r="B410" s="11">
        <v>405</v>
      </c>
      <c r="C410" s="27" t="s">
        <v>787</v>
      </c>
      <c r="D410" s="17" t="s">
        <v>788</v>
      </c>
      <c r="E410" s="16"/>
      <c r="G410" s="14"/>
      <c r="H410" s="3"/>
      <c r="I410" s="3"/>
      <c r="J410" s="3"/>
      <c r="K410" s="3"/>
    </row>
    <row r="411" spans="2:11" x14ac:dyDescent="0.4">
      <c r="B411" s="11">
        <v>406</v>
      </c>
      <c r="C411" s="27" t="s">
        <v>789</v>
      </c>
      <c r="D411" s="17" t="s">
        <v>790</v>
      </c>
      <c r="E411" s="16"/>
      <c r="G411" s="14"/>
      <c r="H411" s="3"/>
      <c r="I411" s="3"/>
      <c r="J411" s="3"/>
      <c r="K411" s="3"/>
    </row>
    <row r="412" spans="2:11" x14ac:dyDescent="0.4">
      <c r="B412" s="11">
        <v>407</v>
      </c>
      <c r="C412" s="27" t="s">
        <v>791</v>
      </c>
      <c r="D412" s="17" t="s">
        <v>792</v>
      </c>
      <c r="E412" s="16"/>
      <c r="G412" s="14"/>
      <c r="H412" s="3"/>
      <c r="I412" s="3"/>
      <c r="J412" s="3"/>
      <c r="K412" s="3"/>
    </row>
    <row r="413" spans="2:11" x14ac:dyDescent="0.4">
      <c r="B413" s="11">
        <v>408</v>
      </c>
      <c r="C413" s="27" t="s">
        <v>793</v>
      </c>
      <c r="D413" s="17" t="s">
        <v>794</v>
      </c>
      <c r="E413" s="16"/>
      <c r="G413" s="14"/>
      <c r="H413" s="3"/>
      <c r="I413" s="3"/>
      <c r="J413" s="3"/>
      <c r="K413" s="3"/>
    </row>
    <row r="414" spans="2:11" x14ac:dyDescent="0.4">
      <c r="B414" s="11">
        <v>409</v>
      </c>
      <c r="C414" s="27" t="s">
        <v>795</v>
      </c>
      <c r="D414" s="17" t="s">
        <v>796</v>
      </c>
      <c r="E414" s="16"/>
      <c r="G414" s="14"/>
      <c r="H414" s="3"/>
      <c r="I414" s="3"/>
      <c r="J414" s="3"/>
      <c r="K414" s="3"/>
    </row>
    <row r="415" spans="2:11" x14ac:dyDescent="0.4">
      <c r="B415" s="11">
        <v>410</v>
      </c>
      <c r="C415" s="27" t="s">
        <v>797</v>
      </c>
      <c r="D415" s="17" t="s">
        <v>798</v>
      </c>
      <c r="E415" s="16"/>
      <c r="G415" s="14"/>
      <c r="H415" s="3"/>
      <c r="I415" s="3"/>
      <c r="J415" s="3"/>
      <c r="K415" s="3"/>
    </row>
    <row r="416" spans="2:11" x14ac:dyDescent="0.4">
      <c r="B416" s="11">
        <v>411</v>
      </c>
      <c r="C416" s="27" t="s">
        <v>799</v>
      </c>
      <c r="D416" s="17" t="s">
        <v>800</v>
      </c>
      <c r="E416" s="16"/>
      <c r="G416" s="14"/>
      <c r="H416" s="3"/>
      <c r="I416" s="3"/>
      <c r="J416" s="3"/>
      <c r="K416" s="3"/>
    </row>
    <row r="417" spans="2:11" x14ac:dyDescent="0.4">
      <c r="B417" s="11">
        <v>412</v>
      </c>
      <c r="C417" s="27" t="s">
        <v>801</v>
      </c>
      <c r="D417" s="17" t="s">
        <v>802</v>
      </c>
      <c r="E417" s="16"/>
      <c r="G417" s="14"/>
      <c r="H417" s="3"/>
      <c r="I417" s="3"/>
      <c r="J417" s="3"/>
      <c r="K417" s="3"/>
    </row>
    <row r="418" spans="2:11" x14ac:dyDescent="0.4">
      <c r="B418" s="11">
        <v>413</v>
      </c>
      <c r="C418" s="27" t="s">
        <v>803</v>
      </c>
      <c r="D418" s="17" t="s">
        <v>804</v>
      </c>
      <c r="E418" s="16"/>
      <c r="G418" s="14"/>
      <c r="H418" s="3"/>
      <c r="I418" s="3"/>
      <c r="J418" s="3"/>
      <c r="K418" s="3"/>
    </row>
    <row r="419" spans="2:11" x14ac:dyDescent="0.4">
      <c r="B419" s="11">
        <v>414</v>
      </c>
      <c r="C419" s="27" t="s">
        <v>805</v>
      </c>
      <c r="D419" s="17" t="s">
        <v>806</v>
      </c>
      <c r="E419" s="16"/>
      <c r="G419" s="14"/>
      <c r="H419" s="3"/>
      <c r="I419" s="3"/>
      <c r="J419" s="3"/>
      <c r="K419" s="3"/>
    </row>
    <row r="420" spans="2:11" x14ac:dyDescent="0.4">
      <c r="B420" s="11">
        <v>415</v>
      </c>
      <c r="C420" s="27" t="s">
        <v>807</v>
      </c>
      <c r="D420" s="17" t="s">
        <v>808</v>
      </c>
      <c r="E420" s="16"/>
      <c r="G420" s="14"/>
      <c r="H420" s="3"/>
      <c r="I420" s="3"/>
      <c r="J420" s="3"/>
      <c r="K420" s="3"/>
    </row>
    <row r="421" spans="2:11" x14ac:dyDescent="0.4">
      <c r="B421" s="11">
        <v>416</v>
      </c>
      <c r="C421" s="27" t="s">
        <v>809</v>
      </c>
      <c r="D421" s="17" t="s">
        <v>810</v>
      </c>
      <c r="E421" s="16"/>
      <c r="G421" s="14"/>
      <c r="H421" s="3"/>
      <c r="I421" s="3"/>
      <c r="J421" s="3"/>
      <c r="K421" s="3"/>
    </row>
    <row r="422" spans="2:11" x14ac:dyDescent="0.4">
      <c r="B422" s="11">
        <v>417</v>
      </c>
      <c r="C422" s="27" t="s">
        <v>811</v>
      </c>
      <c r="D422" s="17" t="s">
        <v>812</v>
      </c>
      <c r="E422" s="16"/>
      <c r="G422" s="14"/>
      <c r="H422" s="3"/>
      <c r="I422" s="3"/>
      <c r="J422" s="3"/>
      <c r="K422" s="3"/>
    </row>
    <row r="423" spans="2:11" x14ac:dyDescent="0.4">
      <c r="B423" s="11">
        <v>418</v>
      </c>
      <c r="C423" s="27" t="s">
        <v>813</v>
      </c>
      <c r="D423" s="17" t="s">
        <v>814</v>
      </c>
      <c r="E423" s="16"/>
      <c r="G423" s="14"/>
      <c r="H423" s="3"/>
      <c r="I423" s="3"/>
      <c r="J423" s="3"/>
      <c r="K423" s="3"/>
    </row>
    <row r="424" spans="2:11" x14ac:dyDescent="0.4">
      <c r="B424" s="11">
        <v>419</v>
      </c>
      <c r="C424" s="27" t="s">
        <v>815</v>
      </c>
      <c r="D424" s="17" t="s">
        <v>816</v>
      </c>
      <c r="E424" s="16"/>
      <c r="G424" s="14"/>
      <c r="H424" s="3"/>
      <c r="I424" s="3"/>
      <c r="J424" s="3"/>
      <c r="K424" s="3"/>
    </row>
    <row r="425" spans="2:11" x14ac:dyDescent="0.4">
      <c r="B425" s="11">
        <v>420</v>
      </c>
      <c r="C425" s="27" t="s">
        <v>817</v>
      </c>
      <c r="D425" s="17" t="s">
        <v>818</v>
      </c>
      <c r="E425" s="16"/>
      <c r="G425" s="14"/>
      <c r="H425" s="3"/>
      <c r="I425" s="3"/>
      <c r="J425" s="3"/>
      <c r="K425" s="3"/>
    </row>
    <row r="426" spans="2:11" x14ac:dyDescent="0.4">
      <c r="B426" s="11">
        <v>421</v>
      </c>
      <c r="C426" s="27" t="s">
        <v>819</v>
      </c>
      <c r="D426" s="17" t="s">
        <v>820</v>
      </c>
      <c r="E426" s="16"/>
      <c r="G426" s="14"/>
      <c r="H426" s="3"/>
      <c r="I426" s="3"/>
      <c r="J426" s="3"/>
      <c r="K426" s="3"/>
    </row>
    <row r="427" spans="2:11" x14ac:dyDescent="0.4">
      <c r="B427" s="11">
        <v>422</v>
      </c>
      <c r="C427" s="27" t="s">
        <v>821</v>
      </c>
      <c r="D427" s="17" t="s">
        <v>822</v>
      </c>
      <c r="E427" s="16"/>
      <c r="G427" s="14"/>
      <c r="H427" s="3"/>
      <c r="I427" s="3"/>
      <c r="J427" s="3"/>
      <c r="K427" s="3"/>
    </row>
    <row r="428" spans="2:11" x14ac:dyDescent="0.4">
      <c r="B428" s="11">
        <v>423</v>
      </c>
      <c r="C428" s="27" t="s">
        <v>823</v>
      </c>
      <c r="D428" s="17" t="s">
        <v>824</v>
      </c>
      <c r="E428" s="16"/>
      <c r="G428" s="14"/>
      <c r="H428" s="3"/>
      <c r="I428" s="3"/>
      <c r="J428" s="3"/>
      <c r="K428" s="3"/>
    </row>
    <row r="429" spans="2:11" x14ac:dyDescent="0.4">
      <c r="B429" s="11">
        <v>424</v>
      </c>
      <c r="C429" s="27" t="s">
        <v>825</v>
      </c>
      <c r="D429" s="17" t="s">
        <v>826</v>
      </c>
      <c r="E429" s="16"/>
      <c r="G429" s="14"/>
      <c r="H429" s="3"/>
      <c r="I429" s="3"/>
      <c r="J429" s="3"/>
      <c r="K429" s="3"/>
    </row>
    <row r="430" spans="2:11" x14ac:dyDescent="0.4">
      <c r="B430" s="11">
        <v>425</v>
      </c>
      <c r="C430" s="27" t="s">
        <v>827</v>
      </c>
      <c r="D430" s="17" t="s">
        <v>828</v>
      </c>
      <c r="E430" s="16"/>
      <c r="G430" s="14"/>
      <c r="H430" s="3"/>
      <c r="I430" s="3"/>
      <c r="J430" s="3"/>
      <c r="K430" s="3"/>
    </row>
    <row r="431" spans="2:11" x14ac:dyDescent="0.4">
      <c r="B431" s="11">
        <v>426</v>
      </c>
      <c r="C431" s="27" t="s">
        <v>829</v>
      </c>
      <c r="D431" s="17" t="s">
        <v>830</v>
      </c>
      <c r="E431" s="16"/>
      <c r="G431" s="14"/>
      <c r="H431" s="3"/>
      <c r="I431" s="3"/>
      <c r="J431" s="3"/>
      <c r="K431" s="3"/>
    </row>
    <row r="432" spans="2:11" x14ac:dyDescent="0.4">
      <c r="B432" s="11">
        <v>427</v>
      </c>
      <c r="C432" s="27" t="s">
        <v>831</v>
      </c>
      <c r="D432" s="17" t="s">
        <v>832</v>
      </c>
      <c r="E432" s="16"/>
      <c r="G432" s="14"/>
      <c r="H432" s="3"/>
      <c r="I432" s="3"/>
      <c r="J432" s="3"/>
      <c r="K432" s="3"/>
    </row>
    <row r="433" spans="2:11" x14ac:dyDescent="0.4">
      <c r="B433" s="11">
        <v>428</v>
      </c>
      <c r="C433" s="27" t="s">
        <v>833</v>
      </c>
      <c r="D433" s="17" t="s">
        <v>834</v>
      </c>
      <c r="E433" s="16"/>
      <c r="G433" s="14"/>
      <c r="H433" s="3"/>
      <c r="I433" s="3"/>
      <c r="J433" s="3"/>
      <c r="K433" s="3"/>
    </row>
    <row r="434" spans="2:11" x14ac:dyDescent="0.4">
      <c r="B434" s="11">
        <v>429</v>
      </c>
      <c r="C434" s="27" t="s">
        <v>835</v>
      </c>
      <c r="D434" s="17" t="s">
        <v>836</v>
      </c>
      <c r="E434" s="16"/>
      <c r="G434" s="14"/>
      <c r="H434" s="3"/>
      <c r="I434" s="3"/>
      <c r="J434" s="3"/>
      <c r="K434" s="3"/>
    </row>
    <row r="435" spans="2:11" x14ac:dyDescent="0.4">
      <c r="B435" s="11">
        <v>430</v>
      </c>
      <c r="C435" s="27" t="s">
        <v>837</v>
      </c>
      <c r="D435" s="17" t="s">
        <v>838</v>
      </c>
      <c r="E435" s="16"/>
      <c r="G435" s="14"/>
      <c r="H435" s="3"/>
      <c r="I435" s="3"/>
      <c r="J435" s="3"/>
      <c r="K435" s="3"/>
    </row>
    <row r="436" spans="2:11" x14ac:dyDescent="0.4">
      <c r="B436" s="11">
        <v>431</v>
      </c>
      <c r="C436" s="27" t="s">
        <v>839</v>
      </c>
      <c r="D436" s="17" t="s">
        <v>840</v>
      </c>
      <c r="E436" s="16"/>
      <c r="G436" s="14"/>
      <c r="H436" s="3"/>
      <c r="I436" s="3"/>
      <c r="J436" s="3"/>
      <c r="K436" s="3"/>
    </row>
    <row r="437" spans="2:11" x14ac:dyDescent="0.4">
      <c r="B437" s="11">
        <v>432</v>
      </c>
      <c r="C437" s="27" t="s">
        <v>841</v>
      </c>
      <c r="D437" s="17" t="s">
        <v>1065</v>
      </c>
      <c r="E437" s="16"/>
      <c r="G437" s="14"/>
      <c r="H437" s="3"/>
      <c r="I437" s="3"/>
      <c r="J437" s="3"/>
      <c r="K437" s="3"/>
    </row>
    <row r="438" spans="2:11" x14ac:dyDescent="0.4">
      <c r="B438" s="11">
        <v>433</v>
      </c>
      <c r="C438" s="27" t="s">
        <v>842</v>
      </c>
      <c r="D438" s="17" t="s">
        <v>843</v>
      </c>
      <c r="E438" s="16"/>
      <c r="G438" s="14"/>
      <c r="H438" s="3"/>
      <c r="I438" s="3"/>
      <c r="J438" s="3"/>
      <c r="K438" s="3"/>
    </row>
    <row r="439" spans="2:11" x14ac:dyDescent="0.4">
      <c r="B439" s="11">
        <v>434</v>
      </c>
      <c r="C439" s="27" t="s">
        <v>844</v>
      </c>
      <c r="D439" s="17" t="s">
        <v>845</v>
      </c>
      <c r="E439" s="16"/>
      <c r="G439" s="14"/>
      <c r="H439" s="3"/>
      <c r="I439" s="3"/>
      <c r="J439" s="3"/>
      <c r="K439" s="3"/>
    </row>
    <row r="440" spans="2:11" x14ac:dyDescent="0.4">
      <c r="B440" s="11">
        <v>435</v>
      </c>
      <c r="C440" s="27" t="s">
        <v>846</v>
      </c>
      <c r="D440" s="17" t="s">
        <v>847</v>
      </c>
      <c r="E440" s="16"/>
      <c r="G440" s="14"/>
      <c r="H440" s="3"/>
      <c r="I440" s="3"/>
      <c r="J440" s="3"/>
      <c r="K440" s="3"/>
    </row>
    <row r="441" spans="2:11" x14ac:dyDescent="0.4">
      <c r="B441" s="11">
        <v>436</v>
      </c>
      <c r="C441" s="27" t="s">
        <v>848</v>
      </c>
      <c r="D441" s="17" t="s">
        <v>849</v>
      </c>
      <c r="E441" s="16"/>
      <c r="G441" s="14"/>
      <c r="H441" s="3"/>
      <c r="I441" s="3"/>
      <c r="J441" s="3"/>
      <c r="K441" s="3"/>
    </row>
    <row r="442" spans="2:11" x14ac:dyDescent="0.4">
      <c r="B442" s="11">
        <v>437</v>
      </c>
      <c r="C442" s="27" t="s">
        <v>850</v>
      </c>
      <c r="D442" s="17" t="s">
        <v>1028</v>
      </c>
      <c r="E442" s="16"/>
      <c r="G442" s="14"/>
      <c r="H442" s="3"/>
      <c r="I442" s="3"/>
      <c r="J442" s="3"/>
      <c r="K442" s="3"/>
    </row>
    <row r="443" spans="2:11" x14ac:dyDescent="0.4">
      <c r="B443" s="11">
        <v>438</v>
      </c>
      <c r="C443" s="27" t="s">
        <v>851</v>
      </c>
      <c r="D443" s="17" t="s">
        <v>852</v>
      </c>
      <c r="E443" s="16"/>
      <c r="G443" s="14"/>
      <c r="H443" s="3"/>
      <c r="I443" s="3"/>
      <c r="J443" s="3"/>
      <c r="K443" s="3"/>
    </row>
    <row r="444" spans="2:11" x14ac:dyDescent="0.4">
      <c r="B444" s="11">
        <v>439</v>
      </c>
      <c r="C444" s="27" t="s">
        <v>853</v>
      </c>
      <c r="D444" s="17" t="s">
        <v>854</v>
      </c>
      <c r="E444" s="16"/>
      <c r="G444" s="14"/>
      <c r="H444" s="3"/>
      <c r="I444" s="3"/>
      <c r="J444" s="3"/>
      <c r="K444" s="3"/>
    </row>
    <row r="445" spans="2:11" x14ac:dyDescent="0.4">
      <c r="B445" s="11">
        <v>440</v>
      </c>
      <c r="C445" s="27" t="s">
        <v>855</v>
      </c>
      <c r="D445" s="17" t="s">
        <v>856</v>
      </c>
      <c r="E445" s="16"/>
      <c r="G445" s="14"/>
      <c r="H445" s="3"/>
      <c r="I445" s="3"/>
      <c r="J445" s="3"/>
      <c r="K445" s="3"/>
    </row>
    <row r="446" spans="2:11" x14ac:dyDescent="0.4">
      <c r="B446" s="11">
        <v>441</v>
      </c>
      <c r="C446" s="27" t="s">
        <v>857</v>
      </c>
      <c r="D446" s="17" t="s">
        <v>858</v>
      </c>
      <c r="E446" s="16"/>
      <c r="G446" s="14"/>
      <c r="H446" s="3"/>
      <c r="I446" s="3"/>
      <c r="J446" s="3"/>
      <c r="K446" s="3"/>
    </row>
    <row r="447" spans="2:11" x14ac:dyDescent="0.4">
      <c r="B447" s="11">
        <v>442</v>
      </c>
      <c r="C447" s="27" t="s">
        <v>859</v>
      </c>
      <c r="D447" s="17" t="s">
        <v>1029</v>
      </c>
      <c r="E447" s="16"/>
      <c r="G447" s="14"/>
      <c r="H447" s="3"/>
      <c r="I447" s="3"/>
      <c r="J447" s="3"/>
      <c r="K447" s="3"/>
    </row>
    <row r="448" spans="2:11" x14ac:dyDescent="0.4">
      <c r="B448" s="11">
        <v>443</v>
      </c>
      <c r="C448" s="27" t="s">
        <v>860</v>
      </c>
      <c r="D448" s="17" t="s">
        <v>861</v>
      </c>
      <c r="E448" s="16"/>
      <c r="G448" s="14"/>
      <c r="H448" s="3"/>
      <c r="I448" s="3"/>
      <c r="J448" s="3"/>
      <c r="K448" s="3"/>
    </row>
    <row r="449" spans="2:11" x14ac:dyDescent="0.4">
      <c r="B449" s="11">
        <v>444</v>
      </c>
      <c r="C449" s="27" t="s">
        <v>862</v>
      </c>
      <c r="D449" s="17" t="s">
        <v>863</v>
      </c>
      <c r="E449" s="16"/>
      <c r="G449" s="14"/>
      <c r="H449" s="3"/>
      <c r="I449" s="3"/>
      <c r="J449" s="3"/>
      <c r="K449" s="3"/>
    </row>
    <row r="450" spans="2:11" x14ac:dyDescent="0.4">
      <c r="B450" s="11">
        <v>445</v>
      </c>
      <c r="C450" s="27" t="s">
        <v>864</v>
      </c>
      <c r="D450" s="17" t="s">
        <v>865</v>
      </c>
      <c r="E450" s="16"/>
      <c r="G450" s="14"/>
      <c r="H450" s="3"/>
      <c r="I450" s="3"/>
      <c r="J450" s="3"/>
      <c r="K450" s="3"/>
    </row>
    <row r="451" spans="2:11" x14ac:dyDescent="0.4">
      <c r="B451" s="11">
        <v>446</v>
      </c>
      <c r="C451" s="27" t="s">
        <v>866</v>
      </c>
      <c r="D451" s="17" t="s">
        <v>867</v>
      </c>
      <c r="E451" s="16"/>
      <c r="G451" s="14"/>
      <c r="H451" s="3"/>
      <c r="I451" s="3"/>
      <c r="J451" s="3"/>
      <c r="K451" s="3"/>
    </row>
    <row r="452" spans="2:11" x14ac:dyDescent="0.4">
      <c r="B452" s="11">
        <v>447</v>
      </c>
      <c r="C452" s="27" t="s">
        <v>868</v>
      </c>
      <c r="D452" s="17" t="s">
        <v>1030</v>
      </c>
      <c r="E452" s="16"/>
      <c r="G452" s="14"/>
      <c r="H452" s="3"/>
      <c r="I452" s="3"/>
      <c r="J452" s="3"/>
      <c r="K452" s="3"/>
    </row>
    <row r="453" spans="2:11" x14ac:dyDescent="0.4">
      <c r="B453" s="11">
        <v>448</v>
      </c>
      <c r="C453" s="27" t="s">
        <v>869</v>
      </c>
      <c r="D453" s="17" t="s">
        <v>1066</v>
      </c>
      <c r="E453" s="16"/>
      <c r="G453" s="14"/>
      <c r="H453" s="3"/>
      <c r="I453" s="3"/>
      <c r="J453" s="3"/>
      <c r="K453" s="3"/>
    </row>
    <row r="454" spans="2:11" x14ac:dyDescent="0.4">
      <c r="B454" s="11">
        <v>449</v>
      </c>
      <c r="C454" s="27" t="s">
        <v>870</v>
      </c>
      <c r="D454" s="17" t="s">
        <v>871</v>
      </c>
      <c r="E454" s="16"/>
      <c r="G454" s="14"/>
      <c r="H454" s="3"/>
      <c r="I454" s="3"/>
      <c r="J454" s="3"/>
      <c r="K454" s="3"/>
    </row>
    <row r="455" spans="2:11" x14ac:dyDescent="0.4">
      <c r="B455" s="11">
        <v>450</v>
      </c>
      <c r="C455" s="27" t="s">
        <v>872</v>
      </c>
      <c r="D455" s="17" t="s">
        <v>873</v>
      </c>
      <c r="E455" s="16"/>
      <c r="G455" s="14"/>
      <c r="H455" s="3"/>
      <c r="I455" s="3"/>
      <c r="J455" s="3"/>
      <c r="K455" s="3"/>
    </row>
    <row r="456" spans="2:11" x14ac:dyDescent="0.4">
      <c r="B456" s="11">
        <v>451</v>
      </c>
      <c r="C456" s="27" t="s">
        <v>874</v>
      </c>
      <c r="D456" s="17" t="s">
        <v>875</v>
      </c>
      <c r="E456" s="16"/>
      <c r="G456" s="14"/>
      <c r="H456" s="3"/>
      <c r="I456" s="3"/>
      <c r="J456" s="3"/>
      <c r="K456" s="3"/>
    </row>
    <row r="457" spans="2:11" x14ac:dyDescent="0.4">
      <c r="B457" s="11">
        <v>452</v>
      </c>
      <c r="C457" s="27" t="s">
        <v>876</v>
      </c>
      <c r="D457" s="17" t="s">
        <v>877</v>
      </c>
      <c r="E457" s="16"/>
      <c r="G457" s="14"/>
      <c r="H457" s="3"/>
      <c r="I457" s="3"/>
      <c r="J457" s="3"/>
      <c r="K457" s="3"/>
    </row>
    <row r="458" spans="2:11" x14ac:dyDescent="0.4">
      <c r="B458" s="11">
        <v>453</v>
      </c>
      <c r="C458" s="27" t="s">
        <v>878</v>
      </c>
      <c r="D458" s="17" t="s">
        <v>879</v>
      </c>
      <c r="E458" s="16"/>
      <c r="G458" s="14"/>
      <c r="H458" s="3"/>
      <c r="I458" s="3"/>
      <c r="J458" s="3"/>
      <c r="K458" s="3"/>
    </row>
    <row r="459" spans="2:11" x14ac:dyDescent="0.4">
      <c r="B459" s="11">
        <v>454</v>
      </c>
      <c r="C459" s="27" t="s">
        <v>880</v>
      </c>
      <c r="D459" s="17" t="s">
        <v>881</v>
      </c>
      <c r="E459" s="16"/>
      <c r="G459" s="14"/>
      <c r="H459" s="3"/>
      <c r="I459" s="3"/>
      <c r="J459" s="3"/>
      <c r="K459" s="3"/>
    </row>
    <row r="460" spans="2:11" x14ac:dyDescent="0.4">
      <c r="B460" s="11">
        <v>455</v>
      </c>
      <c r="C460" s="27" t="s">
        <v>882</v>
      </c>
      <c r="D460" s="17" t="s">
        <v>1031</v>
      </c>
      <c r="E460" s="16"/>
      <c r="G460" s="14"/>
      <c r="H460" s="3"/>
      <c r="I460" s="3"/>
      <c r="J460" s="3"/>
      <c r="K460" s="3"/>
    </row>
    <row r="461" spans="2:11" x14ac:dyDescent="0.4">
      <c r="B461" s="11">
        <v>456</v>
      </c>
      <c r="C461" s="27" t="s">
        <v>883</v>
      </c>
      <c r="D461" s="17" t="s">
        <v>1032</v>
      </c>
      <c r="E461" s="16"/>
      <c r="G461" s="14"/>
      <c r="H461" s="3"/>
      <c r="I461" s="3"/>
      <c r="J461" s="3"/>
      <c r="K461" s="3"/>
    </row>
    <row r="462" spans="2:11" x14ac:dyDescent="0.4">
      <c r="B462" s="11">
        <v>457</v>
      </c>
      <c r="C462" s="27" t="s">
        <v>884</v>
      </c>
      <c r="D462" s="17" t="s">
        <v>885</v>
      </c>
      <c r="E462" s="16"/>
      <c r="G462" s="14"/>
      <c r="H462" s="3"/>
      <c r="I462" s="3"/>
      <c r="J462" s="3"/>
      <c r="K462" s="3"/>
    </row>
    <row r="463" spans="2:11" x14ac:dyDescent="0.4">
      <c r="B463" s="11">
        <v>458</v>
      </c>
      <c r="C463" s="27" t="s">
        <v>886</v>
      </c>
      <c r="D463" s="17" t="s">
        <v>887</v>
      </c>
      <c r="E463" s="16"/>
      <c r="G463" s="14"/>
      <c r="H463" s="3"/>
      <c r="I463" s="3"/>
      <c r="J463" s="3"/>
      <c r="K463" s="3"/>
    </row>
    <row r="464" spans="2:11" x14ac:dyDescent="0.4">
      <c r="B464" s="11">
        <v>459</v>
      </c>
      <c r="C464" s="27" t="s">
        <v>888</v>
      </c>
      <c r="D464" s="17" t="s">
        <v>1033</v>
      </c>
      <c r="E464" s="16"/>
      <c r="G464" s="14"/>
      <c r="H464" s="3"/>
      <c r="I464" s="3"/>
      <c r="J464" s="3"/>
      <c r="K464" s="3"/>
    </row>
    <row r="465" spans="2:11" x14ac:dyDescent="0.4">
      <c r="B465" s="11">
        <v>460</v>
      </c>
      <c r="C465" s="27" t="s">
        <v>889</v>
      </c>
      <c r="D465" s="17" t="s">
        <v>890</v>
      </c>
      <c r="E465" s="16"/>
      <c r="G465" s="14"/>
      <c r="H465" s="3"/>
      <c r="I465" s="3"/>
      <c r="J465" s="3"/>
      <c r="K465" s="3"/>
    </row>
    <row r="466" spans="2:11" x14ac:dyDescent="0.4">
      <c r="B466" s="11">
        <v>461</v>
      </c>
      <c r="C466" s="27" t="s">
        <v>891</v>
      </c>
      <c r="D466" s="17" t="s">
        <v>892</v>
      </c>
      <c r="E466" s="16"/>
      <c r="G466" s="14"/>
      <c r="H466" s="3"/>
      <c r="I466" s="3"/>
      <c r="J466" s="3"/>
      <c r="K466" s="3"/>
    </row>
    <row r="467" spans="2:11" x14ac:dyDescent="0.4">
      <c r="B467" s="11">
        <v>462</v>
      </c>
      <c r="C467" s="27" t="s">
        <v>893</v>
      </c>
      <c r="D467" s="17" t="s">
        <v>894</v>
      </c>
      <c r="E467" s="16"/>
      <c r="G467" s="14"/>
      <c r="H467" s="3"/>
      <c r="I467" s="3"/>
      <c r="J467" s="3"/>
      <c r="K467" s="3"/>
    </row>
    <row r="468" spans="2:11" x14ac:dyDescent="0.4">
      <c r="B468" s="11">
        <v>463</v>
      </c>
      <c r="C468" s="27" t="s">
        <v>895</v>
      </c>
      <c r="D468" s="17" t="s">
        <v>896</v>
      </c>
      <c r="E468" s="16"/>
      <c r="G468" s="14"/>
      <c r="H468" s="3"/>
      <c r="I468" s="3"/>
      <c r="J468" s="3"/>
      <c r="K468" s="3"/>
    </row>
    <row r="469" spans="2:11" x14ac:dyDescent="0.4">
      <c r="B469" s="11">
        <v>464</v>
      </c>
      <c r="C469" s="27" t="s">
        <v>897</v>
      </c>
      <c r="D469" s="17" t="s">
        <v>898</v>
      </c>
      <c r="E469" s="16"/>
      <c r="G469" s="14"/>
      <c r="H469" s="3"/>
      <c r="I469" s="3"/>
      <c r="J469" s="3"/>
      <c r="K469" s="3"/>
    </row>
    <row r="470" spans="2:11" x14ac:dyDescent="0.4">
      <c r="B470" s="11">
        <v>465</v>
      </c>
      <c r="C470" s="27" t="s">
        <v>899</v>
      </c>
      <c r="D470" s="17" t="s">
        <v>900</v>
      </c>
      <c r="E470" s="16"/>
      <c r="G470" s="14"/>
      <c r="H470" s="3"/>
      <c r="I470" s="3"/>
      <c r="J470" s="3"/>
      <c r="K470" s="3"/>
    </row>
    <row r="471" spans="2:11" x14ac:dyDescent="0.4">
      <c r="B471" s="11">
        <v>466</v>
      </c>
      <c r="C471" s="27" t="s">
        <v>901</v>
      </c>
      <c r="D471" s="17" t="s">
        <v>902</v>
      </c>
      <c r="E471" s="16"/>
      <c r="G471" s="14"/>
      <c r="H471" s="3"/>
      <c r="I471" s="3"/>
      <c r="J471" s="3"/>
      <c r="K471" s="3"/>
    </row>
    <row r="472" spans="2:11" x14ac:dyDescent="0.4">
      <c r="B472" s="11">
        <v>467</v>
      </c>
      <c r="C472" s="27" t="s">
        <v>903</v>
      </c>
      <c r="D472" s="17" t="s">
        <v>904</v>
      </c>
      <c r="E472" s="16"/>
      <c r="G472" s="14"/>
      <c r="H472" s="3"/>
      <c r="I472" s="3"/>
      <c r="J472" s="3"/>
      <c r="K472" s="3"/>
    </row>
    <row r="473" spans="2:11" x14ac:dyDescent="0.4">
      <c r="B473" s="11">
        <v>468</v>
      </c>
      <c r="C473" s="27" t="s">
        <v>905</v>
      </c>
      <c r="D473" s="17" t="s">
        <v>906</v>
      </c>
      <c r="E473" s="16"/>
      <c r="G473" s="14"/>
      <c r="H473" s="3"/>
      <c r="I473" s="3"/>
      <c r="J473" s="3"/>
      <c r="K473" s="3"/>
    </row>
    <row r="474" spans="2:11" x14ac:dyDescent="0.4">
      <c r="B474" s="11">
        <v>469</v>
      </c>
      <c r="C474" s="27" t="s">
        <v>907</v>
      </c>
      <c r="D474" s="17" t="s">
        <v>908</v>
      </c>
      <c r="E474" s="16"/>
      <c r="G474" s="14"/>
      <c r="H474" s="3"/>
      <c r="I474" s="3"/>
      <c r="J474" s="3"/>
      <c r="K474" s="3"/>
    </row>
    <row r="475" spans="2:11" x14ac:dyDescent="0.4">
      <c r="B475" s="11">
        <v>470</v>
      </c>
      <c r="C475" s="27" t="s">
        <v>909</v>
      </c>
      <c r="D475" s="17" t="s">
        <v>910</v>
      </c>
      <c r="E475" s="16"/>
      <c r="G475" s="14"/>
      <c r="H475" s="3"/>
      <c r="I475" s="3"/>
      <c r="J475" s="3"/>
      <c r="K475" s="3"/>
    </row>
    <row r="476" spans="2:11" x14ac:dyDescent="0.4">
      <c r="B476" s="11">
        <v>471</v>
      </c>
      <c r="C476" s="27" t="s">
        <v>911</v>
      </c>
      <c r="D476" s="17" t="s">
        <v>912</v>
      </c>
      <c r="E476" s="16"/>
      <c r="G476" s="14"/>
      <c r="H476" s="3"/>
      <c r="I476" s="3"/>
      <c r="J476" s="3"/>
      <c r="K476" s="3"/>
    </row>
    <row r="477" spans="2:11" x14ac:dyDescent="0.4">
      <c r="B477" s="11">
        <v>472</v>
      </c>
      <c r="C477" s="27" t="s">
        <v>913</v>
      </c>
      <c r="D477" s="17" t="s">
        <v>914</v>
      </c>
      <c r="E477" s="16"/>
      <c r="G477" s="14"/>
      <c r="H477" s="3"/>
      <c r="I477" s="3"/>
      <c r="J477" s="3"/>
      <c r="K477" s="3"/>
    </row>
    <row r="478" spans="2:11" x14ac:dyDescent="0.4">
      <c r="B478" s="11">
        <v>473</v>
      </c>
      <c r="C478" s="27" t="s">
        <v>915</v>
      </c>
      <c r="D478" s="17" t="s">
        <v>916</v>
      </c>
      <c r="E478" s="16"/>
      <c r="G478" s="14"/>
      <c r="H478" s="3"/>
      <c r="I478" s="3"/>
      <c r="J478" s="3"/>
      <c r="K478" s="3"/>
    </row>
    <row r="479" spans="2:11" x14ac:dyDescent="0.4">
      <c r="B479" s="11">
        <v>474</v>
      </c>
      <c r="C479" s="27" t="s">
        <v>917</v>
      </c>
      <c r="D479" s="17" t="s">
        <v>1056</v>
      </c>
      <c r="E479" s="16"/>
      <c r="G479" s="14"/>
      <c r="H479" s="3"/>
      <c r="I479" s="3"/>
      <c r="J479" s="3"/>
      <c r="K479" s="3"/>
    </row>
    <row r="480" spans="2:11" x14ac:dyDescent="0.4">
      <c r="B480" s="11">
        <v>475</v>
      </c>
      <c r="C480" s="27" t="s">
        <v>918</v>
      </c>
      <c r="D480" s="17" t="s">
        <v>919</v>
      </c>
      <c r="E480" s="16"/>
      <c r="G480" s="14"/>
      <c r="H480" s="3"/>
      <c r="I480" s="3"/>
      <c r="J480" s="3"/>
      <c r="K480" s="3"/>
    </row>
    <row r="481" spans="2:11" x14ac:dyDescent="0.4">
      <c r="B481" s="11">
        <v>476</v>
      </c>
      <c r="C481" s="27" t="s">
        <v>920</v>
      </c>
      <c r="D481" s="17" t="s">
        <v>921</v>
      </c>
      <c r="E481" s="16"/>
      <c r="G481" s="14"/>
      <c r="H481" s="3"/>
      <c r="I481" s="3"/>
      <c r="J481" s="3"/>
      <c r="K481" s="3"/>
    </row>
    <row r="482" spans="2:11" x14ac:dyDescent="0.4">
      <c r="B482" s="11">
        <v>477</v>
      </c>
      <c r="C482" s="27" t="s">
        <v>922</v>
      </c>
      <c r="D482" s="17" t="s">
        <v>923</v>
      </c>
      <c r="E482" s="16"/>
      <c r="G482" s="14"/>
      <c r="H482" s="3"/>
      <c r="I482" s="3"/>
      <c r="J482" s="3"/>
      <c r="K482" s="3"/>
    </row>
    <row r="483" spans="2:11" x14ac:dyDescent="0.4">
      <c r="B483" s="11">
        <v>478</v>
      </c>
      <c r="C483" s="27" t="s">
        <v>924</v>
      </c>
      <c r="D483" s="17" t="s">
        <v>925</v>
      </c>
      <c r="E483" s="16"/>
      <c r="G483" s="14"/>
      <c r="H483" s="3"/>
      <c r="I483" s="3"/>
      <c r="J483" s="3"/>
      <c r="K483" s="3"/>
    </row>
    <row r="484" spans="2:11" x14ac:dyDescent="0.4">
      <c r="B484" s="11">
        <v>479</v>
      </c>
      <c r="C484" s="27" t="s">
        <v>926</v>
      </c>
      <c r="D484" s="17" t="s">
        <v>927</v>
      </c>
      <c r="E484" s="16"/>
      <c r="G484" s="14"/>
      <c r="H484" s="3"/>
      <c r="I484" s="3"/>
      <c r="J484" s="3"/>
      <c r="K484" s="3"/>
    </row>
    <row r="485" spans="2:11" x14ac:dyDescent="0.4">
      <c r="B485" s="11">
        <v>480</v>
      </c>
      <c r="C485" s="27" t="s">
        <v>928</v>
      </c>
      <c r="D485" s="17" t="s">
        <v>1034</v>
      </c>
      <c r="E485" s="16"/>
      <c r="G485" s="14"/>
      <c r="H485" s="3"/>
      <c r="I485" s="3"/>
      <c r="J485" s="3"/>
      <c r="K485" s="3"/>
    </row>
    <row r="486" spans="2:11" x14ac:dyDescent="0.4">
      <c r="B486" s="11">
        <v>481</v>
      </c>
      <c r="C486" s="27" t="s">
        <v>929</v>
      </c>
      <c r="D486" s="17" t="s">
        <v>1051</v>
      </c>
      <c r="E486" s="16"/>
      <c r="G486" s="14"/>
      <c r="H486" s="3"/>
      <c r="I486" s="3"/>
      <c r="J486" s="3"/>
      <c r="K486" s="3"/>
    </row>
    <row r="487" spans="2:11" x14ac:dyDescent="0.4">
      <c r="B487" s="11">
        <v>482</v>
      </c>
      <c r="C487" s="27" t="s">
        <v>930</v>
      </c>
      <c r="D487" s="17" t="s">
        <v>1057</v>
      </c>
      <c r="E487" s="16"/>
      <c r="G487" s="14"/>
      <c r="H487" s="3"/>
      <c r="I487" s="3"/>
      <c r="J487" s="3"/>
      <c r="K487" s="3"/>
    </row>
    <row r="488" spans="2:11" x14ac:dyDescent="0.4">
      <c r="B488" s="11">
        <v>483</v>
      </c>
      <c r="C488" s="27" t="s">
        <v>931</v>
      </c>
      <c r="D488" s="17" t="s">
        <v>932</v>
      </c>
      <c r="E488" s="16"/>
      <c r="G488" s="14"/>
      <c r="H488" s="3"/>
      <c r="I488" s="3"/>
      <c r="J488" s="3"/>
      <c r="K488" s="3"/>
    </row>
    <row r="489" spans="2:11" x14ac:dyDescent="0.4">
      <c r="B489" s="11">
        <v>484</v>
      </c>
      <c r="C489" s="27" t="s">
        <v>933</v>
      </c>
      <c r="D489" s="17" t="s">
        <v>934</v>
      </c>
      <c r="E489" s="16"/>
      <c r="G489" s="14"/>
      <c r="H489" s="3"/>
      <c r="I489" s="3"/>
      <c r="J489" s="3"/>
      <c r="K489" s="3"/>
    </row>
    <row r="490" spans="2:11" x14ac:dyDescent="0.4">
      <c r="B490" s="11">
        <v>485</v>
      </c>
      <c r="C490" s="27" t="s">
        <v>935</v>
      </c>
      <c r="D490" s="17" t="s">
        <v>936</v>
      </c>
      <c r="E490" s="16"/>
      <c r="G490" s="14"/>
      <c r="H490" s="3"/>
      <c r="I490" s="3"/>
      <c r="J490" s="3"/>
      <c r="K490" s="3"/>
    </row>
    <row r="491" spans="2:11" x14ac:dyDescent="0.4">
      <c r="B491" s="11">
        <v>486</v>
      </c>
      <c r="C491" s="27" t="s">
        <v>937</v>
      </c>
      <c r="D491" s="17" t="s">
        <v>938</v>
      </c>
      <c r="E491" s="16"/>
      <c r="G491" s="14"/>
      <c r="H491" s="3"/>
      <c r="I491" s="3"/>
      <c r="J491" s="3"/>
      <c r="K491" s="3"/>
    </row>
    <row r="492" spans="2:11" x14ac:dyDescent="0.4">
      <c r="B492" s="11">
        <v>487</v>
      </c>
      <c r="C492" s="27" t="s">
        <v>939</v>
      </c>
      <c r="D492" s="17" t="s">
        <v>1035</v>
      </c>
      <c r="E492" s="16"/>
      <c r="G492" s="14"/>
      <c r="H492" s="3"/>
      <c r="I492" s="3"/>
      <c r="J492" s="3"/>
      <c r="K492" s="3"/>
    </row>
    <row r="493" spans="2:11" x14ac:dyDescent="0.4">
      <c r="B493" s="11">
        <v>488</v>
      </c>
      <c r="C493" s="27" t="s">
        <v>940</v>
      </c>
      <c r="D493" s="17" t="s">
        <v>941</v>
      </c>
      <c r="E493" s="16"/>
      <c r="G493" s="14"/>
      <c r="H493" s="3"/>
      <c r="I493" s="3"/>
      <c r="J493" s="3"/>
      <c r="K493" s="3"/>
    </row>
    <row r="494" spans="2:11" x14ac:dyDescent="0.4">
      <c r="B494" s="11">
        <v>489</v>
      </c>
      <c r="C494" s="27" t="s">
        <v>942</v>
      </c>
      <c r="D494" s="17" t="s">
        <v>1045</v>
      </c>
      <c r="E494" s="16"/>
      <c r="G494" s="14"/>
      <c r="H494" s="3"/>
      <c r="I494" s="3"/>
      <c r="J494" s="3"/>
      <c r="K494" s="3"/>
    </row>
    <row r="495" spans="2:11" x14ac:dyDescent="0.4">
      <c r="B495" s="11">
        <v>490</v>
      </c>
      <c r="C495" s="27" t="s">
        <v>943</v>
      </c>
      <c r="D495" s="17" t="s">
        <v>1046</v>
      </c>
      <c r="E495" s="16"/>
      <c r="G495" s="14"/>
      <c r="H495" s="3"/>
      <c r="I495" s="3"/>
      <c r="J495" s="3"/>
      <c r="K495" s="3"/>
    </row>
    <row r="496" spans="2:11" x14ac:dyDescent="0.4">
      <c r="B496" s="11">
        <v>491</v>
      </c>
      <c r="C496" s="27" t="s">
        <v>944</v>
      </c>
      <c r="D496" s="17" t="s">
        <v>1047</v>
      </c>
      <c r="E496" s="16"/>
      <c r="G496" s="14"/>
      <c r="H496" s="3"/>
      <c r="I496" s="3"/>
      <c r="J496" s="3"/>
      <c r="K496" s="3"/>
    </row>
    <row r="497" spans="2:11" x14ac:dyDescent="0.4">
      <c r="B497" s="11">
        <v>492</v>
      </c>
      <c r="C497" s="27" t="s">
        <v>945</v>
      </c>
      <c r="D497" s="17" t="s">
        <v>1048</v>
      </c>
      <c r="E497" s="16"/>
      <c r="G497" s="14"/>
      <c r="H497" s="3"/>
      <c r="I497" s="3"/>
      <c r="J497" s="3"/>
      <c r="K497" s="3"/>
    </row>
    <row r="498" spans="2:11" x14ac:dyDescent="0.4">
      <c r="B498" s="11">
        <v>493</v>
      </c>
      <c r="C498" s="27" t="s">
        <v>946</v>
      </c>
      <c r="D498" s="17" t="s">
        <v>947</v>
      </c>
      <c r="E498" s="16"/>
      <c r="G498" s="14"/>
      <c r="H498" s="3"/>
      <c r="I498" s="3"/>
      <c r="J498" s="3"/>
      <c r="K498" s="3"/>
    </row>
    <row r="499" spans="2:11" x14ac:dyDescent="0.4">
      <c r="B499" s="11">
        <v>494</v>
      </c>
      <c r="C499" s="27" t="s">
        <v>948</v>
      </c>
      <c r="D499" s="17" t="s">
        <v>949</v>
      </c>
      <c r="E499" s="16"/>
      <c r="G499" s="14"/>
      <c r="H499" s="3"/>
      <c r="I499" s="3"/>
      <c r="J499" s="3"/>
      <c r="K499" s="3"/>
    </row>
    <row r="500" spans="2:11" x14ac:dyDescent="0.4">
      <c r="B500" s="11">
        <v>495</v>
      </c>
      <c r="C500" s="27" t="s">
        <v>950</v>
      </c>
      <c r="D500" s="17" t="s">
        <v>951</v>
      </c>
      <c r="E500" s="16"/>
      <c r="G500" s="14"/>
      <c r="H500" s="3"/>
      <c r="I500" s="3"/>
      <c r="J500" s="3"/>
      <c r="K500" s="3"/>
    </row>
    <row r="501" spans="2:11" x14ac:dyDescent="0.4">
      <c r="B501" s="11">
        <v>496</v>
      </c>
      <c r="C501" s="27" t="s">
        <v>952</v>
      </c>
      <c r="D501" s="17" t="s">
        <v>953</v>
      </c>
      <c r="E501" s="16"/>
      <c r="G501" s="14"/>
      <c r="H501" s="3"/>
      <c r="I501" s="3"/>
      <c r="J501" s="3"/>
      <c r="K501" s="3"/>
    </row>
    <row r="502" spans="2:11" x14ac:dyDescent="0.4">
      <c r="B502" s="11">
        <v>497</v>
      </c>
      <c r="C502" s="27" t="s">
        <v>954</v>
      </c>
      <c r="D502" s="17" t="s">
        <v>955</v>
      </c>
      <c r="E502" s="16"/>
      <c r="G502" s="14"/>
      <c r="H502" s="3"/>
      <c r="I502" s="3"/>
      <c r="J502" s="3"/>
      <c r="K502" s="3"/>
    </row>
    <row r="503" spans="2:11" x14ac:dyDescent="0.4">
      <c r="B503" s="11">
        <v>498</v>
      </c>
      <c r="C503" s="27" t="s">
        <v>956</v>
      </c>
      <c r="D503" s="17" t="s">
        <v>1049</v>
      </c>
      <c r="E503" s="16"/>
      <c r="G503" s="14"/>
      <c r="H503" s="3"/>
      <c r="I503" s="3"/>
      <c r="J503" s="3"/>
      <c r="K503" s="3"/>
    </row>
    <row r="504" spans="2:11" x14ac:dyDescent="0.4">
      <c r="B504" s="11">
        <v>499</v>
      </c>
      <c r="C504" s="27" t="s">
        <v>957</v>
      </c>
      <c r="D504" s="17" t="s">
        <v>1067</v>
      </c>
      <c r="E504" s="16"/>
      <c r="G504" s="14"/>
      <c r="H504" s="3"/>
      <c r="I504" s="3"/>
      <c r="J504" s="3"/>
      <c r="K504" s="3"/>
    </row>
    <row r="505" spans="2:11" x14ac:dyDescent="0.4">
      <c r="B505" s="11">
        <v>500</v>
      </c>
      <c r="C505" s="27" t="s">
        <v>958</v>
      </c>
      <c r="D505" s="17" t="s">
        <v>959</v>
      </c>
      <c r="E505" s="16"/>
      <c r="G505" s="14"/>
      <c r="H505" s="3"/>
      <c r="I505" s="3"/>
      <c r="J505" s="3"/>
      <c r="K505" s="3"/>
    </row>
    <row r="506" spans="2:11" x14ac:dyDescent="0.4">
      <c r="B506" s="11">
        <v>501</v>
      </c>
      <c r="C506" s="27" t="s">
        <v>960</v>
      </c>
      <c r="D506" s="17" t="s">
        <v>961</v>
      </c>
      <c r="E506" s="16"/>
      <c r="G506" s="14"/>
      <c r="H506" s="3"/>
      <c r="I506" s="3"/>
      <c r="J506" s="3"/>
      <c r="K506" s="3"/>
    </row>
    <row r="507" spans="2:11" x14ac:dyDescent="0.4">
      <c r="B507" s="11">
        <v>502</v>
      </c>
      <c r="C507" s="27" t="s">
        <v>962</v>
      </c>
      <c r="D507" s="17" t="s">
        <v>1068</v>
      </c>
      <c r="E507" s="16"/>
      <c r="G507" s="14"/>
      <c r="H507" s="3"/>
      <c r="I507" s="3"/>
      <c r="J507" s="3"/>
      <c r="K507" s="3"/>
    </row>
    <row r="508" spans="2:11" x14ac:dyDescent="0.4">
      <c r="B508" s="11">
        <v>503</v>
      </c>
      <c r="C508" s="27" t="s">
        <v>963</v>
      </c>
      <c r="D508" s="17" t="s">
        <v>964</v>
      </c>
      <c r="E508" s="16"/>
      <c r="G508" s="14"/>
      <c r="H508" s="3"/>
      <c r="I508" s="3"/>
      <c r="J508" s="3"/>
      <c r="K508" s="3"/>
    </row>
    <row r="509" spans="2:11" x14ac:dyDescent="0.4">
      <c r="B509" s="11">
        <v>504</v>
      </c>
      <c r="C509" s="27" t="s">
        <v>965</v>
      </c>
      <c r="D509" s="17" t="s">
        <v>1053</v>
      </c>
      <c r="E509" s="16"/>
      <c r="G509" s="14"/>
      <c r="H509" s="3"/>
      <c r="I509" s="3"/>
      <c r="J509" s="3"/>
      <c r="K509" s="3"/>
    </row>
    <row r="510" spans="2:11" x14ac:dyDescent="0.4">
      <c r="B510" s="11">
        <v>505</v>
      </c>
      <c r="C510" s="27" t="s">
        <v>966</v>
      </c>
      <c r="D510" s="17" t="s">
        <v>967</v>
      </c>
      <c r="E510" s="16"/>
      <c r="G510" s="14"/>
      <c r="H510" s="3"/>
      <c r="I510" s="3"/>
      <c r="J510" s="3"/>
      <c r="K510" s="3"/>
    </row>
    <row r="511" spans="2:11" x14ac:dyDescent="0.4">
      <c r="B511" s="11">
        <v>506</v>
      </c>
      <c r="C511" s="27" t="s">
        <v>968</v>
      </c>
      <c r="D511" s="17" t="s">
        <v>1036</v>
      </c>
      <c r="E511" s="16"/>
      <c r="G511" s="14"/>
      <c r="H511" s="3"/>
      <c r="I511" s="3"/>
      <c r="J511" s="3"/>
      <c r="K511" s="3"/>
    </row>
    <row r="512" spans="2:11" x14ac:dyDescent="0.4">
      <c r="B512" s="11">
        <v>507</v>
      </c>
      <c r="C512" s="27" t="s">
        <v>969</v>
      </c>
      <c r="D512" s="17" t="s">
        <v>1037</v>
      </c>
      <c r="E512" s="16"/>
      <c r="G512" s="14"/>
      <c r="H512" s="3"/>
      <c r="I512" s="3"/>
      <c r="J512" s="3"/>
      <c r="K512" s="3"/>
    </row>
    <row r="513" spans="2:11" x14ac:dyDescent="0.4">
      <c r="B513" s="11">
        <v>508</v>
      </c>
      <c r="C513" s="27" t="s">
        <v>970</v>
      </c>
      <c r="D513" s="17" t="s">
        <v>971</v>
      </c>
      <c r="E513" s="16"/>
      <c r="G513" s="14"/>
      <c r="H513" s="3"/>
      <c r="I513" s="3"/>
      <c r="J513" s="3"/>
      <c r="K513" s="3"/>
    </row>
    <row r="514" spans="2:11" x14ac:dyDescent="0.4">
      <c r="B514" s="11">
        <v>509</v>
      </c>
      <c r="C514" s="27" t="s">
        <v>972</v>
      </c>
      <c r="D514" s="17" t="s">
        <v>973</v>
      </c>
      <c r="E514" s="16"/>
      <c r="G514" s="14"/>
      <c r="H514" s="3"/>
      <c r="I514" s="3"/>
      <c r="J514" s="3"/>
      <c r="K514" s="3"/>
    </row>
    <row r="515" spans="2:11" x14ac:dyDescent="0.4">
      <c r="B515" s="11">
        <v>510</v>
      </c>
      <c r="C515" s="27" t="s">
        <v>974</v>
      </c>
      <c r="D515" s="17" t="s">
        <v>975</v>
      </c>
      <c r="E515" s="16"/>
      <c r="G515" s="14"/>
      <c r="H515" s="3"/>
      <c r="I515" s="3"/>
      <c r="J515" s="3"/>
      <c r="K515" s="3"/>
    </row>
    <row r="516" spans="2:11" x14ac:dyDescent="0.4">
      <c r="B516" s="11">
        <v>511</v>
      </c>
      <c r="C516" s="27" t="s">
        <v>976</v>
      </c>
      <c r="D516" s="17" t="s">
        <v>977</v>
      </c>
      <c r="E516" s="16"/>
      <c r="G516" s="14"/>
      <c r="H516" s="3"/>
      <c r="I516" s="3"/>
      <c r="J516" s="3"/>
      <c r="K516" s="3"/>
    </row>
    <row r="517" spans="2:11" x14ac:dyDescent="0.4">
      <c r="B517" s="11">
        <v>512</v>
      </c>
      <c r="C517" s="27" t="s">
        <v>978</v>
      </c>
      <c r="D517" s="17" t="s">
        <v>979</v>
      </c>
      <c r="E517" s="16"/>
      <c r="G517" s="14"/>
      <c r="H517" s="3"/>
      <c r="I517" s="3"/>
      <c r="J517" s="3"/>
      <c r="K517" s="3"/>
    </row>
    <row r="518" spans="2:11" x14ac:dyDescent="0.4">
      <c r="B518" s="11">
        <v>513</v>
      </c>
      <c r="C518" s="27" t="s">
        <v>980</v>
      </c>
      <c r="D518" s="17" t="s">
        <v>981</v>
      </c>
      <c r="E518" s="16"/>
      <c r="G518" s="14"/>
      <c r="H518" s="3"/>
      <c r="I518" s="3"/>
      <c r="J518" s="3"/>
      <c r="K518" s="3"/>
    </row>
    <row r="519" spans="2:11" x14ac:dyDescent="0.4">
      <c r="B519" s="11">
        <v>514</v>
      </c>
      <c r="C519" s="27" t="s">
        <v>982</v>
      </c>
      <c r="D519" s="17" t="s">
        <v>983</v>
      </c>
      <c r="E519" s="16"/>
      <c r="G519" s="14"/>
      <c r="H519" s="3"/>
      <c r="I519" s="3"/>
      <c r="J519" s="3"/>
      <c r="K519" s="3"/>
    </row>
    <row r="520" spans="2:11" x14ac:dyDescent="0.4">
      <c r="B520" s="11">
        <v>515</v>
      </c>
      <c r="C520" s="27" t="s">
        <v>984</v>
      </c>
      <c r="D520" s="17" t="s">
        <v>985</v>
      </c>
      <c r="E520" s="16"/>
      <c r="G520" s="14"/>
      <c r="H520" s="3"/>
      <c r="I520" s="3"/>
      <c r="J520" s="3"/>
      <c r="K520" s="3"/>
    </row>
    <row r="521" spans="2:11" x14ac:dyDescent="0.4">
      <c r="B521" s="11">
        <v>516</v>
      </c>
      <c r="C521" s="27" t="s">
        <v>986</v>
      </c>
      <c r="D521" s="17" t="s">
        <v>987</v>
      </c>
      <c r="E521" s="16"/>
      <c r="G521" s="14"/>
      <c r="H521" s="3"/>
      <c r="I521" s="3"/>
      <c r="J521" s="3"/>
      <c r="K521" s="3"/>
    </row>
    <row r="522" spans="2:11" x14ac:dyDescent="0.4">
      <c r="B522" s="11">
        <v>517</v>
      </c>
      <c r="C522" s="27" t="s">
        <v>988</v>
      </c>
      <c r="D522" s="17" t="s">
        <v>989</v>
      </c>
      <c r="E522" s="16"/>
      <c r="G522" s="14"/>
      <c r="H522" s="3"/>
      <c r="I522" s="3"/>
      <c r="J522" s="3"/>
      <c r="K522" s="3"/>
    </row>
    <row r="523" spans="2:11" x14ac:dyDescent="0.4">
      <c r="B523" s="11">
        <v>518</v>
      </c>
      <c r="C523" s="27" t="s">
        <v>990</v>
      </c>
      <c r="D523" s="17" t="s">
        <v>991</v>
      </c>
      <c r="E523" s="16"/>
      <c r="G523" s="14"/>
      <c r="H523" s="3"/>
      <c r="I523" s="3"/>
      <c r="J523" s="3"/>
      <c r="K523" s="3"/>
    </row>
    <row r="524" spans="2:11" x14ac:dyDescent="0.4">
      <c r="B524" s="11">
        <v>519</v>
      </c>
      <c r="C524" s="27" t="s">
        <v>992</v>
      </c>
      <c r="D524" s="17" t="s">
        <v>993</v>
      </c>
      <c r="E524" s="16"/>
      <c r="G524" s="14"/>
      <c r="H524" s="3"/>
      <c r="I524" s="3"/>
      <c r="J524" s="3"/>
      <c r="K524" s="3"/>
    </row>
    <row r="525" spans="2:11" x14ac:dyDescent="0.4">
      <c r="B525" s="11">
        <v>520</v>
      </c>
      <c r="C525" s="27" t="s">
        <v>994</v>
      </c>
      <c r="D525" s="17" t="s">
        <v>995</v>
      </c>
      <c r="E525" s="16"/>
      <c r="G525" s="14"/>
      <c r="H525" s="3"/>
      <c r="I525" s="3"/>
      <c r="J525" s="3"/>
      <c r="K525" s="3"/>
    </row>
    <row r="526" spans="2:11" x14ac:dyDescent="0.4">
      <c r="B526" s="11">
        <v>521</v>
      </c>
      <c r="C526" s="27" t="s">
        <v>996</v>
      </c>
      <c r="D526" s="17" t="s">
        <v>997</v>
      </c>
      <c r="E526" s="16"/>
      <c r="G526" s="14"/>
      <c r="H526" s="3"/>
      <c r="I526" s="3"/>
      <c r="J526" s="3"/>
      <c r="K526" s="3"/>
    </row>
    <row r="527" spans="2:11" x14ac:dyDescent="0.4">
      <c r="B527" s="11">
        <v>522</v>
      </c>
      <c r="C527" s="27" t="s">
        <v>998</v>
      </c>
      <c r="D527" s="17" t="s">
        <v>999</v>
      </c>
      <c r="E527" s="16"/>
      <c r="G527" s="14"/>
      <c r="H527" s="3"/>
      <c r="I527" s="3"/>
      <c r="J527" s="3"/>
      <c r="K527" s="3"/>
    </row>
    <row r="528" spans="2:11" x14ac:dyDescent="0.4">
      <c r="B528" s="11">
        <v>523</v>
      </c>
      <c r="C528" s="27" t="s">
        <v>1000</v>
      </c>
      <c r="D528" s="17" t="s">
        <v>1001</v>
      </c>
      <c r="E528" s="16"/>
      <c r="G528" s="14"/>
      <c r="H528" s="3"/>
      <c r="I528" s="3"/>
      <c r="J528" s="3"/>
      <c r="K528" s="3"/>
    </row>
    <row r="529" spans="2:11" x14ac:dyDescent="0.4">
      <c r="B529" s="11">
        <v>524</v>
      </c>
      <c r="C529" s="27" t="s">
        <v>1002</v>
      </c>
      <c r="D529" s="17" t="s">
        <v>1003</v>
      </c>
      <c r="E529" s="16"/>
      <c r="G529" s="14"/>
      <c r="H529" s="3"/>
      <c r="I529" s="3"/>
      <c r="J529" s="3"/>
      <c r="K529" s="3"/>
    </row>
    <row r="530" spans="2:11" x14ac:dyDescent="0.4">
      <c r="B530" s="11">
        <v>525</v>
      </c>
      <c r="C530" s="27" t="s">
        <v>1004</v>
      </c>
      <c r="D530" s="17" t="s">
        <v>1005</v>
      </c>
      <c r="E530" s="16"/>
      <c r="G530" s="14"/>
      <c r="H530" s="3"/>
      <c r="I530" s="3"/>
      <c r="J530" s="3"/>
      <c r="K530" s="3"/>
    </row>
    <row r="531" spans="2:11" x14ac:dyDescent="0.4">
      <c r="B531" s="11">
        <v>526</v>
      </c>
      <c r="C531" s="27" t="s">
        <v>1006</v>
      </c>
      <c r="D531" s="17" t="s">
        <v>1007</v>
      </c>
      <c r="E531" s="16"/>
      <c r="G531" s="14"/>
      <c r="H531" s="3"/>
      <c r="I531" s="3"/>
      <c r="J531" s="3"/>
      <c r="K531" s="3"/>
    </row>
    <row r="532" spans="2:11" x14ac:dyDescent="0.4">
      <c r="B532" s="11">
        <v>527</v>
      </c>
      <c r="C532" s="27" t="s">
        <v>1008</v>
      </c>
      <c r="D532" s="17" t="s">
        <v>1069</v>
      </c>
      <c r="E532" s="16"/>
      <c r="G532" s="14"/>
      <c r="H532" s="3"/>
      <c r="I532" s="3"/>
      <c r="J532" s="3"/>
      <c r="K532" s="3"/>
    </row>
    <row r="533" spans="2:11" x14ac:dyDescent="0.4">
      <c r="B533" s="11">
        <v>528</v>
      </c>
      <c r="C533" s="27" t="s">
        <v>1009</v>
      </c>
      <c r="D533" s="17" t="s">
        <v>1010</v>
      </c>
      <c r="E533" s="16"/>
      <c r="G533" s="14"/>
      <c r="H533" s="3"/>
      <c r="I533" s="3"/>
      <c r="J533" s="3"/>
      <c r="K533" s="3"/>
    </row>
    <row r="534" spans="2:11" x14ac:dyDescent="0.4">
      <c r="B534" s="11">
        <v>529</v>
      </c>
      <c r="C534" s="27" t="s">
        <v>1011</v>
      </c>
      <c r="D534" s="17" t="s">
        <v>1012</v>
      </c>
      <c r="E534" s="16"/>
      <c r="G534" s="14"/>
      <c r="H534" s="3"/>
      <c r="I534" s="3"/>
      <c r="J534" s="3"/>
      <c r="K534" s="3"/>
    </row>
    <row r="535" spans="2:11" x14ac:dyDescent="0.4">
      <c r="B535" s="11">
        <v>530</v>
      </c>
      <c r="C535" s="27" t="s">
        <v>1013</v>
      </c>
      <c r="D535" s="17" t="s">
        <v>1014</v>
      </c>
      <c r="E535" s="16"/>
      <c r="G535" s="14"/>
      <c r="H535" s="3"/>
      <c r="I535" s="3"/>
      <c r="J535" s="3"/>
      <c r="K535" s="3"/>
    </row>
    <row r="536" spans="2:11" ht="34.5" x14ac:dyDescent="0.4">
      <c r="B536" s="11">
        <v>531</v>
      </c>
      <c r="C536" s="27" t="s">
        <v>1015</v>
      </c>
      <c r="D536" s="17" t="s">
        <v>1038</v>
      </c>
      <c r="E536" s="16"/>
      <c r="G536" s="14"/>
      <c r="H536" s="3"/>
      <c r="I536" s="3"/>
      <c r="J536" s="3"/>
      <c r="K536" s="3"/>
    </row>
    <row r="537" spans="2:11" ht="19.5" thickBot="1" x14ac:dyDescent="0.45">
      <c r="B537" s="11">
        <v>532</v>
      </c>
      <c r="C537" s="27" t="s">
        <v>1016</v>
      </c>
      <c r="D537" s="17" t="s">
        <v>1017</v>
      </c>
      <c r="E537" s="16"/>
      <c r="G537" s="14"/>
      <c r="H537" s="3"/>
      <c r="I537" s="3"/>
      <c r="J537" s="3"/>
      <c r="K537" s="3"/>
    </row>
    <row r="538" spans="2:11" ht="18" hidden="1" customHeight="1" x14ac:dyDescent="0.4">
      <c r="B538" s="11">
        <v>533</v>
      </c>
      <c r="C538" s="18"/>
      <c r="D538" s="17" t="e">
        <f>VLOOKUP(C538,[1]分類番号!$A$4:$B$1149,2,0)</f>
        <v>#N/A</v>
      </c>
      <c r="E538" s="16"/>
      <c r="G538" s="14"/>
      <c r="H538" s="3"/>
      <c r="I538" s="3"/>
      <c r="J538" s="3"/>
      <c r="K538" s="3"/>
    </row>
    <row r="539" spans="2:11" ht="18" hidden="1" customHeight="1" x14ac:dyDescent="0.4">
      <c r="B539" s="11">
        <v>534</v>
      </c>
      <c r="C539" s="18"/>
      <c r="D539" s="17" t="e">
        <f>VLOOKUP(C539,[1]分類番号!$A$4:$B$1149,2,0)</f>
        <v>#N/A</v>
      </c>
      <c r="E539" s="16"/>
      <c r="G539" s="14"/>
      <c r="H539" s="3"/>
      <c r="I539" s="3"/>
      <c r="J539" s="3"/>
      <c r="K539" s="3"/>
    </row>
    <row r="540" spans="2:11" ht="18" hidden="1" customHeight="1" x14ac:dyDescent="0.4">
      <c r="B540" s="11">
        <v>535</v>
      </c>
      <c r="C540" s="18"/>
      <c r="D540" s="17" t="e">
        <f>VLOOKUP(C540,[1]分類番号!$A$4:$B$1149,2,0)</f>
        <v>#N/A</v>
      </c>
      <c r="E540" s="16"/>
      <c r="G540" s="14"/>
      <c r="H540" s="3"/>
      <c r="I540" s="3"/>
      <c r="J540" s="3"/>
      <c r="K540" s="3"/>
    </row>
    <row r="541" spans="2:11" hidden="1" x14ac:dyDescent="0.4">
      <c r="B541" s="11">
        <v>536</v>
      </c>
      <c r="C541" s="18"/>
      <c r="D541" s="17" t="e">
        <f>VLOOKUP(C541,[1]分類番号!$A$4:$B$1149,2,0)</f>
        <v>#N/A</v>
      </c>
      <c r="E541" s="16"/>
      <c r="G541" s="14"/>
      <c r="H541" s="3"/>
      <c r="I541" s="3"/>
      <c r="J541" s="3"/>
      <c r="K541" s="3"/>
    </row>
    <row r="542" spans="2:11" ht="18" hidden="1" customHeight="1" x14ac:dyDescent="0.4">
      <c r="B542" s="11">
        <v>537</v>
      </c>
      <c r="C542" s="18"/>
      <c r="D542" s="17" t="e">
        <f>VLOOKUP(C542,[1]分類番号!$A$4:$B$1149,2,0)</f>
        <v>#N/A</v>
      </c>
      <c r="E542" s="16"/>
      <c r="G542" s="14"/>
      <c r="H542" s="3"/>
      <c r="I542" s="3"/>
      <c r="J542" s="3"/>
      <c r="K542" s="3"/>
    </row>
    <row r="543" spans="2:11" ht="18" hidden="1" customHeight="1" x14ac:dyDescent="0.4">
      <c r="B543" s="11">
        <v>538</v>
      </c>
      <c r="C543" s="18"/>
      <c r="D543" s="17" t="e">
        <f>VLOOKUP(C543,[1]分類番号!$A$4:$B$1149,2,0)</f>
        <v>#N/A</v>
      </c>
      <c r="E543" s="16"/>
      <c r="G543" s="14"/>
      <c r="H543" s="3"/>
      <c r="I543" s="3"/>
      <c r="J543" s="3"/>
      <c r="K543" s="3"/>
    </row>
    <row r="544" spans="2:11" ht="18" hidden="1" customHeight="1" x14ac:dyDescent="0.4">
      <c r="B544" s="11">
        <v>539</v>
      </c>
      <c r="C544" s="18"/>
      <c r="D544" s="17" t="e">
        <f>VLOOKUP(C544,[1]分類番号!$A$4:$B$1149,2,0)</f>
        <v>#N/A</v>
      </c>
      <c r="E544" s="16"/>
      <c r="G544" s="14"/>
      <c r="H544" s="3"/>
      <c r="I544" s="3"/>
      <c r="J544" s="3"/>
      <c r="K544" s="3"/>
    </row>
    <row r="545" spans="2:11" ht="18" hidden="1" customHeight="1" x14ac:dyDescent="0.4">
      <c r="B545" s="11">
        <v>540</v>
      </c>
      <c r="C545" s="18"/>
      <c r="D545" s="17" t="e">
        <f>VLOOKUP(C545,[1]分類番号!$A$4:$B$1149,2,0)</f>
        <v>#N/A</v>
      </c>
      <c r="E545" s="16"/>
      <c r="G545" s="14"/>
      <c r="H545" s="3"/>
      <c r="I545" s="3"/>
      <c r="J545" s="3"/>
      <c r="K545" s="3"/>
    </row>
    <row r="546" spans="2:11" ht="18" hidden="1" customHeight="1" x14ac:dyDescent="0.4">
      <c r="B546" s="11">
        <v>541</v>
      </c>
      <c r="C546" s="18"/>
      <c r="D546" s="17" t="e">
        <f>VLOOKUP(C546,[1]分類番号!$A$4:$B$1149,2,0)</f>
        <v>#N/A</v>
      </c>
      <c r="E546" s="16"/>
      <c r="G546" s="14"/>
      <c r="H546" s="3"/>
      <c r="I546" s="3"/>
      <c r="J546" s="3"/>
      <c r="K546" s="3"/>
    </row>
    <row r="547" spans="2:11" ht="18" hidden="1" customHeight="1" x14ac:dyDescent="0.4">
      <c r="B547" s="11">
        <v>542</v>
      </c>
      <c r="C547" s="18"/>
      <c r="D547" s="17" t="e">
        <f>VLOOKUP(C547,[1]分類番号!$A$4:$B$1149,2,0)</f>
        <v>#N/A</v>
      </c>
      <c r="E547" s="16"/>
      <c r="G547" s="14"/>
      <c r="H547" s="3"/>
      <c r="I547" s="3"/>
      <c r="J547" s="3"/>
      <c r="K547" s="3"/>
    </row>
    <row r="548" spans="2:11" ht="18.75" hidden="1" customHeight="1" x14ac:dyDescent="0.4">
      <c r="B548" s="11">
        <v>543</v>
      </c>
      <c r="C548" s="18"/>
      <c r="D548" s="17" t="e">
        <f>VLOOKUP(C548,[1]分類番号!$A$4:$B$1149,2,0)</f>
        <v>#N/A</v>
      </c>
      <c r="E548" s="16"/>
      <c r="G548" s="14"/>
      <c r="H548" s="3"/>
      <c r="I548" s="3"/>
      <c r="J548" s="3"/>
      <c r="K548" s="3"/>
    </row>
    <row r="549" spans="2:11" ht="18" hidden="1" customHeight="1" x14ac:dyDescent="0.4">
      <c r="B549" s="11">
        <v>544</v>
      </c>
      <c r="C549" s="18"/>
      <c r="D549" s="17" t="e">
        <f>VLOOKUP(C549,[1]分類番号!$A$4:$B$1149,2,0)</f>
        <v>#N/A</v>
      </c>
      <c r="E549" s="16"/>
      <c r="G549" s="14"/>
      <c r="H549" s="3"/>
      <c r="I549" s="3"/>
      <c r="J549" s="3"/>
      <c r="K549" s="3"/>
    </row>
    <row r="550" spans="2:11" ht="18" hidden="1" customHeight="1" x14ac:dyDescent="0.4">
      <c r="B550" s="11">
        <v>545</v>
      </c>
      <c r="C550" s="18"/>
      <c r="D550" s="17" t="e">
        <f>VLOOKUP(C550,[1]分類番号!$A$4:$B$1149,2,0)</f>
        <v>#N/A</v>
      </c>
      <c r="E550" s="16"/>
      <c r="G550" s="14"/>
      <c r="H550" s="3"/>
      <c r="I550" s="3"/>
      <c r="J550" s="3"/>
      <c r="K550" s="3"/>
    </row>
    <row r="551" spans="2:11" ht="18" hidden="1" customHeight="1" x14ac:dyDescent="0.4">
      <c r="B551" s="11">
        <v>546</v>
      </c>
      <c r="C551" s="18"/>
      <c r="D551" s="17" t="e">
        <f>VLOOKUP(C551,[1]分類番号!$A$4:$B$1149,2,0)</f>
        <v>#N/A</v>
      </c>
      <c r="E551" s="16"/>
      <c r="G551" s="14"/>
      <c r="H551" s="3"/>
      <c r="I551" s="3"/>
      <c r="J551" s="3"/>
      <c r="K551" s="3"/>
    </row>
    <row r="552" spans="2:11" ht="18" hidden="1" customHeight="1" x14ac:dyDescent="0.4">
      <c r="B552" s="11">
        <v>547</v>
      </c>
      <c r="C552" s="18"/>
      <c r="D552" s="17" t="e">
        <f>VLOOKUP(C552,[1]分類番号!$A$4:$B$1149,2,0)</f>
        <v>#N/A</v>
      </c>
      <c r="E552" s="16"/>
      <c r="G552" s="14"/>
      <c r="H552" s="3"/>
      <c r="I552" s="3"/>
      <c r="J552" s="3"/>
      <c r="K552" s="3"/>
    </row>
    <row r="553" spans="2:11" ht="18" hidden="1" customHeight="1" x14ac:dyDescent="0.4">
      <c r="B553" s="11">
        <v>548</v>
      </c>
      <c r="C553" s="18"/>
      <c r="D553" s="17" t="e">
        <f>VLOOKUP(C553,[1]分類番号!$A$4:$B$1149,2,0)</f>
        <v>#N/A</v>
      </c>
      <c r="E553" s="16"/>
      <c r="G553" s="14"/>
      <c r="H553" s="3"/>
      <c r="I553" s="3"/>
      <c r="J553" s="3"/>
      <c r="K553" s="3"/>
    </row>
    <row r="554" spans="2:11" ht="18" hidden="1" customHeight="1" x14ac:dyDescent="0.4">
      <c r="B554" s="11">
        <v>549</v>
      </c>
      <c r="C554" s="18"/>
      <c r="D554" s="17" t="e">
        <f>VLOOKUP(C554,[1]分類番号!$A$4:$B$1149,2,0)</f>
        <v>#N/A</v>
      </c>
      <c r="E554" s="16"/>
      <c r="G554" s="14"/>
      <c r="H554" s="3"/>
      <c r="I554" s="3"/>
      <c r="J554" s="3"/>
      <c r="K554" s="3"/>
    </row>
    <row r="555" spans="2:11" ht="18" hidden="1" customHeight="1" x14ac:dyDescent="0.4">
      <c r="B555" s="11">
        <v>550</v>
      </c>
      <c r="C555" s="18"/>
      <c r="D555" s="17" t="e">
        <f>VLOOKUP(C555,[1]分類番号!$A$4:$B$1149,2,0)</f>
        <v>#N/A</v>
      </c>
      <c r="E555" s="16"/>
      <c r="G555" s="14"/>
      <c r="H555" s="3"/>
      <c r="I555" s="3"/>
      <c r="J555" s="3"/>
      <c r="K555" s="3"/>
    </row>
    <row r="556" spans="2:11" ht="18" hidden="1" customHeight="1" x14ac:dyDescent="0.4">
      <c r="B556" s="11">
        <v>551</v>
      </c>
      <c r="C556" s="18"/>
      <c r="D556" s="17" t="e">
        <f>VLOOKUP(C556,[1]分類番号!$A$4:$B$1149,2,0)</f>
        <v>#N/A</v>
      </c>
      <c r="E556" s="16"/>
      <c r="G556" s="14"/>
      <c r="H556" s="3"/>
      <c r="I556" s="3"/>
      <c r="J556" s="3"/>
      <c r="K556" s="3"/>
    </row>
    <row r="557" spans="2:11" ht="18" hidden="1" customHeight="1" x14ac:dyDescent="0.4">
      <c r="B557" s="11">
        <v>552</v>
      </c>
      <c r="C557" s="18"/>
      <c r="D557" s="17" t="e">
        <f>VLOOKUP(C557,[1]分類番号!$A$4:$B$1149,2,0)</f>
        <v>#N/A</v>
      </c>
      <c r="E557" s="16"/>
      <c r="G557" s="14"/>
      <c r="H557" s="3"/>
      <c r="I557" s="3"/>
      <c r="J557" s="3"/>
      <c r="K557" s="3"/>
    </row>
    <row r="558" spans="2:11" ht="18" hidden="1" customHeight="1" x14ac:dyDescent="0.4">
      <c r="B558" s="11">
        <v>553</v>
      </c>
      <c r="C558" s="18"/>
      <c r="D558" s="17" t="e">
        <f>VLOOKUP(C558,[1]分類番号!$A$4:$B$1149,2,0)</f>
        <v>#N/A</v>
      </c>
      <c r="E558" s="16"/>
      <c r="G558" s="14"/>
      <c r="H558" s="3"/>
      <c r="I558" s="3"/>
      <c r="J558" s="3"/>
      <c r="K558" s="3"/>
    </row>
    <row r="559" spans="2:11" ht="18" hidden="1" customHeight="1" x14ac:dyDescent="0.4">
      <c r="B559" s="11">
        <v>554</v>
      </c>
      <c r="C559" s="18"/>
      <c r="D559" s="17" t="e">
        <f>VLOOKUP(C559,[1]分類番号!$A$4:$B$1149,2,0)</f>
        <v>#N/A</v>
      </c>
      <c r="E559" s="16"/>
      <c r="G559" s="14"/>
      <c r="H559" s="3"/>
      <c r="I559" s="3"/>
      <c r="J559" s="3"/>
      <c r="K559" s="3"/>
    </row>
    <row r="560" spans="2:11" ht="18" hidden="1" customHeight="1" x14ac:dyDescent="0.4">
      <c r="B560" s="11">
        <v>555</v>
      </c>
      <c r="C560" s="18"/>
      <c r="D560" s="17" t="e">
        <f>VLOOKUP(C560,[1]分類番号!$A$4:$B$1149,2,0)</f>
        <v>#N/A</v>
      </c>
      <c r="E560" s="16"/>
      <c r="G560" s="14"/>
      <c r="H560" s="3"/>
      <c r="I560" s="3"/>
      <c r="J560" s="3"/>
      <c r="K560" s="3"/>
    </row>
    <row r="561" spans="2:11" ht="18" hidden="1" customHeight="1" x14ac:dyDescent="0.4">
      <c r="B561" s="11">
        <v>556</v>
      </c>
      <c r="C561" s="18"/>
      <c r="D561" s="17" t="e">
        <f>VLOOKUP(C561,[1]分類番号!$A$4:$B$1149,2,0)</f>
        <v>#N/A</v>
      </c>
      <c r="E561" s="16"/>
      <c r="G561" s="14"/>
      <c r="H561" s="3"/>
      <c r="I561" s="3"/>
      <c r="J561" s="3"/>
      <c r="K561" s="3"/>
    </row>
    <row r="562" spans="2:11" ht="18" hidden="1" customHeight="1" x14ac:dyDescent="0.4">
      <c r="B562" s="11">
        <v>557</v>
      </c>
      <c r="C562" s="18"/>
      <c r="D562" s="17" t="e">
        <f>VLOOKUP(C562,[1]分類番号!$A$4:$B$1149,2,0)</f>
        <v>#N/A</v>
      </c>
      <c r="E562" s="16"/>
      <c r="G562" s="14"/>
      <c r="H562" s="3"/>
      <c r="I562" s="3"/>
      <c r="J562" s="3"/>
      <c r="K562" s="3"/>
    </row>
    <row r="563" spans="2:11" ht="18" hidden="1" customHeight="1" x14ac:dyDescent="0.4">
      <c r="B563" s="11">
        <v>558</v>
      </c>
      <c r="C563" s="18"/>
      <c r="D563" s="17" t="e">
        <f>VLOOKUP(C563,[1]分類番号!$A$4:$B$1149,2,0)</f>
        <v>#N/A</v>
      </c>
      <c r="E563" s="16"/>
      <c r="G563" s="14"/>
      <c r="H563" s="3"/>
      <c r="I563" s="3"/>
      <c r="J563" s="3"/>
      <c r="K563" s="3"/>
    </row>
    <row r="564" spans="2:11" ht="18" hidden="1" customHeight="1" x14ac:dyDescent="0.4">
      <c r="B564" s="11">
        <v>559</v>
      </c>
      <c r="C564" s="18"/>
      <c r="D564" s="17" t="e">
        <f>VLOOKUP(C564,[1]分類番号!$A$4:$B$1149,2,0)</f>
        <v>#N/A</v>
      </c>
      <c r="E564" s="16"/>
      <c r="G564" s="14"/>
      <c r="H564" s="3"/>
      <c r="I564" s="3"/>
      <c r="J564" s="3"/>
      <c r="K564" s="3"/>
    </row>
    <row r="565" spans="2:11" ht="18" hidden="1" customHeight="1" x14ac:dyDescent="0.4">
      <c r="B565" s="11">
        <v>560</v>
      </c>
      <c r="C565" s="18"/>
      <c r="D565" s="17" t="e">
        <f>VLOOKUP(C565,[1]分類番号!$A$4:$B$1149,2,0)</f>
        <v>#N/A</v>
      </c>
      <c r="E565" s="16"/>
      <c r="G565" s="14"/>
      <c r="H565" s="3"/>
      <c r="I565" s="3"/>
      <c r="J565" s="3"/>
      <c r="K565" s="3"/>
    </row>
    <row r="566" spans="2:11" ht="18" hidden="1" customHeight="1" x14ac:dyDescent="0.4">
      <c r="B566" s="11">
        <v>561</v>
      </c>
      <c r="C566" s="18"/>
      <c r="D566" s="17" t="e">
        <f>VLOOKUP(C566,[1]分類番号!$A$4:$B$1149,2,0)</f>
        <v>#N/A</v>
      </c>
      <c r="E566" s="16"/>
      <c r="G566" s="14"/>
      <c r="H566" s="3"/>
      <c r="I566" s="3"/>
      <c r="J566" s="3"/>
      <c r="K566" s="3"/>
    </row>
    <row r="567" spans="2:11" ht="18" hidden="1" customHeight="1" x14ac:dyDescent="0.4">
      <c r="B567" s="11">
        <v>562</v>
      </c>
      <c r="C567" s="18"/>
      <c r="D567" s="17" t="e">
        <f>VLOOKUP(C567,[1]分類番号!$A$4:$B$1149,2,0)</f>
        <v>#N/A</v>
      </c>
      <c r="E567" s="16"/>
      <c r="G567" s="14"/>
      <c r="H567" s="3"/>
      <c r="I567" s="3"/>
      <c r="J567" s="3"/>
      <c r="K567" s="3"/>
    </row>
    <row r="568" spans="2:11" ht="18" hidden="1" customHeight="1" x14ac:dyDescent="0.4">
      <c r="B568" s="11">
        <v>563</v>
      </c>
      <c r="C568" s="18"/>
      <c r="D568" s="17" t="e">
        <f>VLOOKUP(C568,[1]分類番号!$A$4:$B$1149,2,0)</f>
        <v>#N/A</v>
      </c>
      <c r="E568" s="16"/>
      <c r="G568" s="14"/>
      <c r="H568" s="3"/>
      <c r="I568" s="3"/>
      <c r="J568" s="3"/>
      <c r="K568" s="3"/>
    </row>
    <row r="569" spans="2:11" ht="18" hidden="1" customHeight="1" x14ac:dyDescent="0.4">
      <c r="B569" s="11">
        <v>564</v>
      </c>
      <c r="C569" s="18"/>
      <c r="D569" s="17" t="e">
        <f>VLOOKUP(C569,[1]分類番号!$A$4:$B$1149,2,0)</f>
        <v>#N/A</v>
      </c>
      <c r="E569" s="16"/>
      <c r="G569" s="14"/>
      <c r="H569" s="3"/>
      <c r="I569" s="3"/>
      <c r="J569" s="3"/>
      <c r="K569" s="3"/>
    </row>
    <row r="570" spans="2:11" ht="18" hidden="1" customHeight="1" x14ac:dyDescent="0.4">
      <c r="B570" s="11">
        <v>565</v>
      </c>
      <c r="C570" s="18"/>
      <c r="D570" s="17" t="e">
        <f>VLOOKUP(C570,[1]分類番号!$A$4:$B$1149,2,0)</f>
        <v>#N/A</v>
      </c>
      <c r="E570" s="16"/>
      <c r="G570" s="14"/>
      <c r="H570" s="3"/>
      <c r="I570" s="3"/>
      <c r="J570" s="3"/>
      <c r="K570" s="3"/>
    </row>
    <row r="571" spans="2:11" ht="18" hidden="1" customHeight="1" x14ac:dyDescent="0.4">
      <c r="B571" s="11">
        <v>566</v>
      </c>
      <c r="C571" s="18"/>
      <c r="D571" s="17" t="e">
        <f>VLOOKUP(C571,[1]分類番号!$A$4:$B$1149,2,0)</f>
        <v>#N/A</v>
      </c>
      <c r="E571" s="16"/>
      <c r="G571" s="14"/>
      <c r="H571" s="3"/>
      <c r="I571" s="3"/>
      <c r="J571" s="3"/>
      <c r="K571" s="3"/>
    </row>
    <row r="572" spans="2:11" ht="18" hidden="1" customHeight="1" x14ac:dyDescent="0.4">
      <c r="B572" s="11">
        <v>567</v>
      </c>
      <c r="C572" s="18"/>
      <c r="D572" s="17" t="e">
        <f>VLOOKUP(C572,[1]分類番号!$A$4:$B$1149,2,0)</f>
        <v>#N/A</v>
      </c>
      <c r="E572" s="16"/>
      <c r="G572" s="14"/>
      <c r="H572" s="3"/>
      <c r="I572" s="3"/>
      <c r="J572" s="3"/>
      <c r="K572" s="3"/>
    </row>
    <row r="573" spans="2:11" ht="18" hidden="1" customHeight="1" x14ac:dyDescent="0.4">
      <c r="B573" s="11">
        <v>568</v>
      </c>
      <c r="C573" s="18"/>
      <c r="D573" s="17" t="e">
        <f>VLOOKUP(C573,[1]分類番号!$A$4:$B$1149,2,0)</f>
        <v>#N/A</v>
      </c>
      <c r="E573" s="16"/>
      <c r="G573" s="14"/>
      <c r="H573" s="3"/>
      <c r="I573" s="3"/>
      <c r="J573" s="3"/>
      <c r="K573" s="3"/>
    </row>
    <row r="574" spans="2:11" ht="18" hidden="1" customHeight="1" x14ac:dyDescent="0.4">
      <c r="B574" s="11">
        <v>569</v>
      </c>
      <c r="C574" s="18"/>
      <c r="D574" s="17" t="e">
        <f>VLOOKUP(C574,[1]分類番号!$A$4:$B$1149,2,0)</f>
        <v>#N/A</v>
      </c>
      <c r="E574" s="16"/>
      <c r="G574" s="14"/>
      <c r="H574" s="3"/>
      <c r="I574" s="3"/>
      <c r="J574" s="3"/>
      <c r="K574" s="3"/>
    </row>
    <row r="575" spans="2:11" ht="18" hidden="1" customHeight="1" x14ac:dyDescent="0.4">
      <c r="B575" s="11">
        <v>570</v>
      </c>
      <c r="C575" s="18"/>
      <c r="D575" s="17" t="e">
        <f>VLOOKUP(C575,[1]分類番号!$A$4:$B$1149,2,0)</f>
        <v>#N/A</v>
      </c>
      <c r="E575" s="16"/>
      <c r="G575" s="14"/>
      <c r="H575" s="3"/>
      <c r="I575" s="3"/>
      <c r="J575" s="3"/>
      <c r="K575" s="3"/>
    </row>
    <row r="576" spans="2:11" ht="18" hidden="1" customHeight="1" x14ac:dyDescent="0.4">
      <c r="B576" s="11">
        <v>571</v>
      </c>
      <c r="C576" s="18"/>
      <c r="D576" s="17" t="e">
        <f>VLOOKUP(C576,[1]分類番号!$A$4:$B$1149,2,0)</f>
        <v>#N/A</v>
      </c>
      <c r="E576" s="16"/>
      <c r="G576" s="14"/>
      <c r="H576" s="3"/>
      <c r="I576" s="3"/>
      <c r="J576" s="3"/>
      <c r="K576" s="3"/>
    </row>
    <row r="577" spans="2:11" ht="18" hidden="1" customHeight="1" x14ac:dyDescent="0.4">
      <c r="B577" s="11">
        <v>572</v>
      </c>
      <c r="C577" s="18"/>
      <c r="D577" s="17" t="e">
        <f>VLOOKUP(C577,[1]分類番号!$A$4:$B$1149,2,0)</f>
        <v>#N/A</v>
      </c>
      <c r="E577" s="16"/>
      <c r="G577" s="14"/>
      <c r="H577" s="3"/>
      <c r="I577" s="3"/>
      <c r="J577" s="3"/>
      <c r="K577" s="3"/>
    </row>
    <row r="578" spans="2:11" ht="18" hidden="1" customHeight="1" x14ac:dyDescent="0.4">
      <c r="B578" s="11">
        <v>573</v>
      </c>
      <c r="C578" s="18"/>
      <c r="D578" s="17" t="e">
        <f>VLOOKUP(C578,[1]分類番号!$A$4:$B$1149,2,0)</f>
        <v>#N/A</v>
      </c>
      <c r="E578" s="16"/>
      <c r="G578" s="14"/>
      <c r="H578" s="3"/>
      <c r="I578" s="3"/>
      <c r="J578" s="3"/>
      <c r="K578" s="3"/>
    </row>
    <row r="579" spans="2:11" ht="18" hidden="1" customHeight="1" x14ac:dyDescent="0.4">
      <c r="B579" s="11">
        <v>574</v>
      </c>
      <c r="C579" s="18"/>
      <c r="D579" s="17" t="e">
        <f>VLOOKUP(C579,[1]分類番号!$A$4:$B$1149,2,0)</f>
        <v>#N/A</v>
      </c>
      <c r="E579" s="16"/>
      <c r="G579" s="14"/>
      <c r="H579" s="3"/>
      <c r="I579" s="3"/>
      <c r="J579" s="3"/>
      <c r="K579" s="3"/>
    </row>
    <row r="580" spans="2:11" ht="18" hidden="1" customHeight="1" x14ac:dyDescent="0.4">
      <c r="B580" s="11">
        <v>575</v>
      </c>
      <c r="C580" s="18"/>
      <c r="D580" s="17" t="e">
        <f>VLOOKUP(C580,[1]分類番号!$A$4:$B$1149,2,0)</f>
        <v>#N/A</v>
      </c>
      <c r="E580" s="16"/>
      <c r="G580" s="14"/>
      <c r="H580" s="3"/>
      <c r="I580" s="3"/>
      <c r="J580" s="3"/>
      <c r="K580" s="3"/>
    </row>
    <row r="581" spans="2:11" ht="18" hidden="1" customHeight="1" x14ac:dyDescent="0.4">
      <c r="B581" s="11">
        <v>576</v>
      </c>
      <c r="C581" s="18"/>
      <c r="D581" s="17" t="e">
        <f>VLOOKUP(C581,[1]分類番号!$A$4:$B$1149,2,0)</f>
        <v>#N/A</v>
      </c>
      <c r="E581" s="16"/>
      <c r="G581" s="14"/>
      <c r="H581" s="3"/>
      <c r="I581" s="3"/>
      <c r="J581" s="3"/>
      <c r="K581" s="3"/>
    </row>
    <row r="582" spans="2:11" ht="18" hidden="1" customHeight="1" x14ac:dyDescent="0.4">
      <c r="B582" s="11">
        <v>577</v>
      </c>
      <c r="C582" s="18"/>
      <c r="D582" s="17" t="e">
        <f>VLOOKUP(C582,[1]分類番号!$A$4:$B$1149,2,0)</f>
        <v>#N/A</v>
      </c>
      <c r="E582" s="16"/>
      <c r="G582" s="14"/>
      <c r="H582" s="3"/>
      <c r="I582" s="3"/>
      <c r="J582" s="3"/>
      <c r="K582" s="3"/>
    </row>
    <row r="583" spans="2:11" ht="18" hidden="1" customHeight="1" x14ac:dyDescent="0.4">
      <c r="B583" s="11">
        <v>578</v>
      </c>
      <c r="C583" s="18"/>
      <c r="D583" s="17" t="e">
        <f>VLOOKUP(C583,[1]分類番号!$A$4:$B$1149,2,0)</f>
        <v>#N/A</v>
      </c>
      <c r="E583" s="16"/>
      <c r="G583" s="14"/>
      <c r="H583" s="3"/>
      <c r="I583" s="3"/>
      <c r="J583" s="3"/>
      <c r="K583" s="3"/>
    </row>
    <row r="584" spans="2:11" ht="18" hidden="1" customHeight="1" x14ac:dyDescent="0.4">
      <c r="B584" s="11">
        <v>579</v>
      </c>
      <c r="C584" s="18"/>
      <c r="D584" s="17" t="e">
        <f>VLOOKUP(C584,[1]分類番号!$A$4:$B$1149,2,0)</f>
        <v>#N/A</v>
      </c>
      <c r="E584" s="16"/>
      <c r="G584" s="14"/>
      <c r="H584" s="3"/>
      <c r="I584" s="3"/>
      <c r="J584" s="3"/>
      <c r="K584" s="3"/>
    </row>
    <row r="585" spans="2:11" ht="18" hidden="1" customHeight="1" x14ac:dyDescent="0.4">
      <c r="B585" s="11">
        <v>580</v>
      </c>
      <c r="C585" s="18"/>
      <c r="D585" s="17" t="e">
        <f>VLOOKUP(C585,[1]分類番号!$A$4:$B$1149,2,0)</f>
        <v>#N/A</v>
      </c>
      <c r="E585" s="16"/>
      <c r="G585" s="14"/>
      <c r="H585" s="3"/>
      <c r="I585" s="3"/>
      <c r="J585" s="3"/>
      <c r="K585" s="3"/>
    </row>
    <row r="586" spans="2:11" ht="18" hidden="1" customHeight="1" x14ac:dyDescent="0.4">
      <c r="B586" s="11">
        <v>581</v>
      </c>
      <c r="C586" s="18"/>
      <c r="D586" s="17" t="e">
        <f>VLOOKUP(C586,[1]分類番号!$A$4:$B$1149,2,0)</f>
        <v>#N/A</v>
      </c>
      <c r="E586" s="16"/>
      <c r="G586" s="14"/>
      <c r="H586" s="3"/>
      <c r="I586" s="3"/>
      <c r="J586" s="3"/>
      <c r="K586" s="3"/>
    </row>
    <row r="587" spans="2:11" ht="18" hidden="1" customHeight="1" x14ac:dyDescent="0.4">
      <c r="B587" s="11">
        <v>582</v>
      </c>
      <c r="C587" s="18"/>
      <c r="D587" s="17" t="e">
        <f>VLOOKUP(C587,[1]分類番号!$A$4:$B$1149,2,0)</f>
        <v>#N/A</v>
      </c>
      <c r="E587" s="16"/>
      <c r="G587" s="14"/>
      <c r="H587" s="3"/>
      <c r="I587" s="3"/>
      <c r="J587" s="3"/>
      <c r="K587" s="3"/>
    </row>
    <row r="588" spans="2:11" ht="18" hidden="1" customHeight="1" x14ac:dyDescent="0.4">
      <c r="B588" s="11">
        <v>583</v>
      </c>
      <c r="C588" s="18"/>
      <c r="D588" s="17" t="e">
        <f>VLOOKUP(C588,[1]分類番号!$A$4:$B$1149,2,0)</f>
        <v>#N/A</v>
      </c>
      <c r="E588" s="16"/>
      <c r="G588" s="14"/>
      <c r="H588" s="3"/>
      <c r="I588" s="3"/>
      <c r="J588" s="3"/>
      <c r="K588" s="3"/>
    </row>
    <row r="589" spans="2:11" ht="18" hidden="1" customHeight="1" x14ac:dyDescent="0.4">
      <c r="B589" s="11">
        <v>584</v>
      </c>
      <c r="C589" s="18"/>
      <c r="D589" s="17" t="e">
        <f>VLOOKUP(C589,[1]分類番号!$A$4:$B$1149,2,0)</f>
        <v>#N/A</v>
      </c>
      <c r="E589" s="16"/>
      <c r="G589" s="14"/>
      <c r="H589" s="3"/>
      <c r="I589" s="3"/>
      <c r="J589" s="3"/>
      <c r="K589" s="3"/>
    </row>
    <row r="590" spans="2:11" ht="18" hidden="1" customHeight="1" x14ac:dyDescent="0.4">
      <c r="B590" s="11">
        <v>585</v>
      </c>
      <c r="C590" s="18"/>
      <c r="D590" s="17" t="e">
        <f>VLOOKUP(C590,[1]分類番号!$A$4:$B$1149,2,0)</f>
        <v>#N/A</v>
      </c>
      <c r="E590" s="16"/>
      <c r="G590" s="14"/>
      <c r="H590" s="3"/>
      <c r="I590" s="3"/>
      <c r="J590" s="3"/>
      <c r="K590" s="3"/>
    </row>
    <row r="591" spans="2:11" ht="18" hidden="1" customHeight="1" x14ac:dyDescent="0.4">
      <c r="B591" s="11">
        <v>586</v>
      </c>
      <c r="C591" s="18"/>
      <c r="D591" s="17" t="e">
        <f>VLOOKUP(C591,[1]分類番号!$A$4:$B$1149,2,0)</f>
        <v>#N/A</v>
      </c>
      <c r="E591" s="16"/>
      <c r="G591" s="14"/>
      <c r="H591" s="3"/>
      <c r="I591" s="3"/>
      <c r="J591" s="3"/>
      <c r="K591" s="3"/>
    </row>
    <row r="592" spans="2:11" ht="18" hidden="1" customHeight="1" x14ac:dyDescent="0.4">
      <c r="B592" s="11">
        <v>587</v>
      </c>
      <c r="C592" s="18"/>
      <c r="D592" s="17" t="e">
        <f>VLOOKUP(C592,[1]分類番号!$A$4:$B$1149,2,0)</f>
        <v>#N/A</v>
      </c>
      <c r="E592" s="16"/>
      <c r="G592" s="14"/>
      <c r="H592" s="3"/>
      <c r="I592" s="3"/>
      <c r="J592" s="3"/>
      <c r="K592" s="3"/>
    </row>
    <row r="593" spans="2:11" ht="18" hidden="1" customHeight="1" x14ac:dyDescent="0.4">
      <c r="B593" s="11">
        <v>588</v>
      </c>
      <c r="C593" s="18"/>
      <c r="D593" s="17" t="e">
        <f>VLOOKUP(C593,[1]分類番号!$A$4:$B$1149,2,0)</f>
        <v>#N/A</v>
      </c>
      <c r="E593" s="16"/>
      <c r="G593" s="14"/>
      <c r="H593" s="3"/>
      <c r="I593" s="3"/>
      <c r="J593" s="3"/>
      <c r="K593" s="3"/>
    </row>
    <row r="594" spans="2:11" ht="18" hidden="1" customHeight="1" x14ac:dyDescent="0.4">
      <c r="B594" s="11">
        <v>589</v>
      </c>
      <c r="C594" s="18"/>
      <c r="D594" s="17" t="e">
        <f>VLOOKUP(C594,[1]分類番号!$A$4:$B$1149,2,0)</f>
        <v>#N/A</v>
      </c>
      <c r="E594" s="16"/>
      <c r="G594" s="14"/>
      <c r="H594" s="3"/>
      <c r="I594" s="3"/>
      <c r="J594" s="3"/>
      <c r="K594" s="3"/>
    </row>
    <row r="595" spans="2:11" ht="18" hidden="1" customHeight="1" x14ac:dyDescent="0.4">
      <c r="B595" s="11">
        <v>590</v>
      </c>
      <c r="C595" s="18"/>
      <c r="D595" s="17" t="e">
        <f>VLOOKUP(C595,[1]分類番号!$A$4:$B$1149,2,0)</f>
        <v>#N/A</v>
      </c>
      <c r="E595" s="16"/>
      <c r="G595" s="14"/>
      <c r="H595" s="3"/>
      <c r="I595" s="3"/>
      <c r="J595" s="3"/>
      <c r="K595" s="3"/>
    </row>
    <row r="596" spans="2:11" ht="18" hidden="1" customHeight="1" x14ac:dyDescent="0.4">
      <c r="B596" s="11">
        <v>591</v>
      </c>
      <c r="C596" s="18"/>
      <c r="D596" s="17" t="e">
        <f>VLOOKUP(C596,[1]分類番号!$A$4:$B$1149,2,0)</f>
        <v>#N/A</v>
      </c>
      <c r="E596" s="16"/>
      <c r="G596" s="14"/>
      <c r="H596" s="3"/>
      <c r="I596" s="3"/>
      <c r="J596" s="3"/>
      <c r="K596" s="3"/>
    </row>
    <row r="597" spans="2:11" ht="18" hidden="1" customHeight="1" x14ac:dyDescent="0.4">
      <c r="B597" s="11">
        <v>592</v>
      </c>
      <c r="C597" s="18"/>
      <c r="D597" s="17" t="e">
        <f>VLOOKUP(C597,[1]分類番号!$A$4:$B$1149,2,0)</f>
        <v>#N/A</v>
      </c>
      <c r="E597" s="16"/>
      <c r="G597" s="14"/>
      <c r="H597" s="3"/>
      <c r="I597" s="3"/>
      <c r="J597" s="3"/>
      <c r="K597" s="3"/>
    </row>
    <row r="598" spans="2:11" ht="18" hidden="1" customHeight="1" x14ac:dyDescent="0.4">
      <c r="B598" s="11">
        <v>593</v>
      </c>
      <c r="C598" s="18"/>
      <c r="D598" s="17" t="e">
        <f>VLOOKUP(C598,[1]分類番号!$A$4:$B$1149,2,0)</f>
        <v>#N/A</v>
      </c>
      <c r="E598" s="16"/>
      <c r="G598" s="14"/>
      <c r="H598" s="3"/>
      <c r="I598" s="3"/>
      <c r="J598" s="3"/>
      <c r="K598" s="3"/>
    </row>
    <row r="599" spans="2:11" ht="18" hidden="1" customHeight="1" x14ac:dyDescent="0.4">
      <c r="B599" s="11">
        <v>594</v>
      </c>
      <c r="C599" s="18"/>
      <c r="D599" s="17" t="e">
        <f>VLOOKUP(C599,[1]分類番号!$A$4:$B$1149,2,0)</f>
        <v>#N/A</v>
      </c>
      <c r="E599" s="16"/>
      <c r="G599" s="14"/>
      <c r="H599" s="3"/>
      <c r="I599" s="3"/>
      <c r="J599" s="3"/>
      <c r="K599" s="3"/>
    </row>
    <row r="600" spans="2:11" ht="18" hidden="1" customHeight="1" x14ac:dyDescent="0.4">
      <c r="B600" s="11">
        <v>595</v>
      </c>
      <c r="C600" s="18"/>
      <c r="D600" s="17" t="e">
        <f>VLOOKUP(C600,[1]分類番号!$A$4:$B$1149,2,0)</f>
        <v>#N/A</v>
      </c>
      <c r="E600" s="16"/>
      <c r="G600" s="14"/>
      <c r="H600" s="3"/>
      <c r="I600" s="3"/>
      <c r="J600" s="3"/>
      <c r="K600" s="3"/>
    </row>
    <row r="601" spans="2:11" ht="18" hidden="1" customHeight="1" x14ac:dyDescent="0.4">
      <c r="B601" s="11">
        <v>596</v>
      </c>
      <c r="C601" s="18"/>
      <c r="D601" s="17" t="e">
        <f>VLOOKUP(C601,[1]分類番号!$A$4:$B$1149,2,0)</f>
        <v>#N/A</v>
      </c>
      <c r="E601" s="16"/>
      <c r="G601" s="14"/>
      <c r="H601" s="3"/>
      <c r="I601" s="3"/>
      <c r="J601" s="3"/>
      <c r="K601" s="3"/>
    </row>
    <row r="602" spans="2:11" ht="18" hidden="1" customHeight="1" x14ac:dyDescent="0.4">
      <c r="B602" s="11">
        <v>597</v>
      </c>
      <c r="C602" s="18"/>
      <c r="D602" s="17" t="e">
        <f>VLOOKUP(C602,[1]分類番号!$A$4:$B$1149,2,0)</f>
        <v>#N/A</v>
      </c>
      <c r="E602" s="16"/>
      <c r="G602" s="14"/>
      <c r="H602" s="3"/>
      <c r="I602" s="3"/>
      <c r="J602" s="3"/>
      <c r="K602" s="3"/>
    </row>
    <row r="603" spans="2:11" ht="36" hidden="1" customHeight="1" x14ac:dyDescent="0.4">
      <c r="B603" s="11">
        <v>598</v>
      </c>
      <c r="C603" s="18"/>
      <c r="D603" s="17" t="e">
        <f>VLOOKUP(C603,[1]分類番号!$A$4:$B$1149,2,0)</f>
        <v>#N/A</v>
      </c>
      <c r="E603" s="16"/>
      <c r="G603" s="14"/>
      <c r="H603" s="3"/>
      <c r="I603" s="3"/>
      <c r="J603" s="3"/>
      <c r="K603" s="3"/>
    </row>
    <row r="604" spans="2:11" ht="18" hidden="1" customHeight="1" thickBot="1" x14ac:dyDescent="0.45">
      <c r="B604" s="11">
        <v>599</v>
      </c>
      <c r="C604" s="18"/>
      <c r="D604" s="17" t="e">
        <f>VLOOKUP(C604,[1]分類番号!$A$4:$B$1149,2,0)</f>
        <v>#N/A</v>
      </c>
      <c r="E604" s="16"/>
      <c r="G604" s="14"/>
      <c r="H604" s="3"/>
      <c r="I604" s="3"/>
      <c r="J604" s="3"/>
      <c r="K604" s="3"/>
    </row>
    <row r="605" spans="2:11" ht="18" hidden="1" customHeight="1" x14ac:dyDescent="0.4">
      <c r="B605" s="11"/>
      <c r="C605" s="18"/>
      <c r="D605" s="17" t="e">
        <f>VLOOKUP(C605,[1]分類番号!$A$4:$B$1149,2,0)</f>
        <v>#N/A</v>
      </c>
      <c r="E605" s="16"/>
      <c r="G605" s="14"/>
      <c r="H605" s="3"/>
      <c r="I605" s="3"/>
      <c r="J605" s="3"/>
      <c r="K605" s="3"/>
    </row>
    <row r="606" spans="2:11" ht="18" hidden="1" customHeight="1" x14ac:dyDescent="0.4">
      <c r="B606" s="11"/>
      <c r="C606" s="18"/>
      <c r="D606" s="17" t="e">
        <f>VLOOKUP(C606,[1]分類番号!$A$4:$B$1149,2,0)</f>
        <v>#N/A</v>
      </c>
      <c r="E606" s="16"/>
      <c r="G606" s="14"/>
      <c r="H606" s="3"/>
      <c r="I606" s="3"/>
      <c r="J606" s="3"/>
      <c r="K606" s="3"/>
    </row>
    <row r="607" spans="2:11" ht="18" hidden="1" customHeight="1" x14ac:dyDescent="0.4">
      <c r="B607" s="11"/>
      <c r="C607" s="18"/>
      <c r="D607" s="17" t="e">
        <f>VLOOKUP(C607,[1]分類番号!$A$4:$B$1149,2,0)</f>
        <v>#N/A</v>
      </c>
      <c r="E607" s="16"/>
      <c r="G607" s="14"/>
      <c r="H607" s="3"/>
      <c r="I607" s="3"/>
      <c r="J607" s="3"/>
      <c r="K607" s="3"/>
    </row>
    <row r="608" spans="2:11" ht="18" hidden="1" customHeight="1" x14ac:dyDescent="0.4">
      <c r="B608" s="11"/>
      <c r="C608" s="18"/>
      <c r="D608" s="17" t="e">
        <f>VLOOKUP(C608,[1]分類番号!$A$4:$B$1149,2,0)</f>
        <v>#N/A</v>
      </c>
      <c r="E608" s="16"/>
      <c r="G608" s="14"/>
      <c r="H608" s="3"/>
      <c r="I608" s="3"/>
      <c r="J608" s="3"/>
      <c r="K608" s="3"/>
    </row>
    <row r="609" spans="2:11" ht="18" hidden="1" customHeight="1" x14ac:dyDescent="0.4">
      <c r="B609" s="11"/>
      <c r="C609" s="18"/>
      <c r="D609" s="17" t="e">
        <f>VLOOKUP(C609,[1]分類番号!$A$4:$B$1149,2,0)</f>
        <v>#N/A</v>
      </c>
      <c r="E609" s="16"/>
      <c r="G609" s="14"/>
      <c r="H609" s="3"/>
      <c r="I609" s="3"/>
      <c r="J609" s="3"/>
      <c r="K609" s="3"/>
    </row>
    <row r="610" spans="2:11" ht="18" hidden="1" customHeight="1" x14ac:dyDescent="0.4">
      <c r="B610" s="11"/>
      <c r="C610" s="18"/>
      <c r="D610" s="17" t="e">
        <f>VLOOKUP(C610,[1]分類番号!$A$4:$B$1149,2,0)</f>
        <v>#N/A</v>
      </c>
      <c r="E610" s="16"/>
      <c r="G610" s="14"/>
      <c r="H610" s="3"/>
      <c r="I610" s="3"/>
      <c r="J610" s="3"/>
      <c r="K610" s="3"/>
    </row>
    <row r="611" spans="2:11" ht="18" hidden="1" customHeight="1" x14ac:dyDescent="0.4">
      <c r="B611" s="10"/>
      <c r="C611" s="18"/>
      <c r="D611" s="17" t="e">
        <f>VLOOKUP(C611,[1]分類番号!$A$4:$B$1149,2,0)</f>
        <v>#N/A</v>
      </c>
      <c r="E611" s="16"/>
      <c r="G611" s="14"/>
      <c r="H611" s="3"/>
      <c r="I611" s="3"/>
      <c r="J611" s="3"/>
      <c r="K611" s="3"/>
    </row>
    <row r="612" spans="2:11" ht="18" hidden="1" customHeight="1" x14ac:dyDescent="0.4">
      <c r="B612" s="10"/>
      <c r="C612" s="18"/>
      <c r="D612" s="17" t="e">
        <f>VLOOKUP(C612,[1]分類番号!$A$4:$B$1149,2,0)</f>
        <v>#N/A</v>
      </c>
      <c r="E612" s="16"/>
      <c r="G612" s="14"/>
      <c r="H612" s="3"/>
      <c r="I612" s="3"/>
      <c r="J612" s="3"/>
      <c r="K612" s="3"/>
    </row>
    <row r="613" spans="2:11" ht="18" hidden="1" customHeight="1" x14ac:dyDescent="0.4">
      <c r="B613" s="10"/>
      <c r="C613" s="18"/>
      <c r="D613" s="17" t="e">
        <f>VLOOKUP(C613,[1]分類番号!$A$4:$B$1149,2,0)</f>
        <v>#N/A</v>
      </c>
      <c r="E613" s="16"/>
      <c r="G613" s="14"/>
      <c r="H613" s="3"/>
      <c r="I613" s="3"/>
      <c r="J613" s="3"/>
      <c r="K613" s="3"/>
    </row>
    <row r="614" spans="2:11" ht="18" hidden="1" customHeight="1" x14ac:dyDescent="0.4">
      <c r="B614" s="10"/>
      <c r="C614" s="18"/>
      <c r="D614" s="17" t="e">
        <f>VLOOKUP(C614,[1]分類番号!$A$4:$B$1149,2,0)</f>
        <v>#N/A</v>
      </c>
      <c r="E614" s="16"/>
      <c r="G614" s="14"/>
      <c r="H614" s="3"/>
      <c r="I614" s="3"/>
      <c r="J614" s="3"/>
      <c r="K614" s="3"/>
    </row>
    <row r="615" spans="2:11" ht="18" hidden="1" customHeight="1" x14ac:dyDescent="0.4">
      <c r="B615" s="10"/>
      <c r="C615" s="18"/>
      <c r="D615" s="17" t="e">
        <f>VLOOKUP(C615,[1]分類番号!$A$4:$B$1149,2,0)</f>
        <v>#N/A</v>
      </c>
      <c r="E615" s="16"/>
      <c r="G615" s="14"/>
      <c r="H615" s="3"/>
      <c r="I615" s="3"/>
      <c r="J615" s="3"/>
      <c r="K615" s="3"/>
    </row>
    <row r="616" spans="2:11" ht="18" hidden="1" customHeight="1" x14ac:dyDescent="0.4">
      <c r="B616" s="10"/>
      <c r="C616" s="18"/>
      <c r="D616" s="17" t="e">
        <f>VLOOKUP(C616,[1]分類番号!$A$4:$B$1149,2,0)</f>
        <v>#N/A</v>
      </c>
      <c r="E616" s="16"/>
      <c r="G616" s="14"/>
      <c r="H616" s="3"/>
      <c r="I616" s="3"/>
      <c r="J616" s="3"/>
      <c r="K616" s="3"/>
    </row>
    <row r="617" spans="2:11" ht="18" hidden="1" customHeight="1" x14ac:dyDescent="0.4">
      <c r="B617" s="10"/>
      <c r="C617" s="18"/>
      <c r="D617" s="17" t="e">
        <f>VLOOKUP(C617,[1]分類番号!$A$4:$B$1149,2,0)</f>
        <v>#N/A</v>
      </c>
      <c r="E617" s="16"/>
      <c r="G617" s="14"/>
      <c r="H617" s="3"/>
      <c r="I617" s="3"/>
      <c r="J617" s="3"/>
      <c r="K617" s="3"/>
    </row>
    <row r="618" spans="2:11" ht="18" hidden="1" customHeight="1" thickBot="1" x14ac:dyDescent="0.45">
      <c r="B618" s="10"/>
      <c r="C618" s="18"/>
      <c r="D618" s="17" t="e">
        <f>VLOOKUP(C618,[1]分類番号!$A$4:$B$1149,2,0)</f>
        <v>#N/A</v>
      </c>
      <c r="E618" s="16"/>
      <c r="G618" s="14"/>
      <c r="H618" s="3"/>
      <c r="I618" s="3"/>
      <c r="J618" s="3"/>
      <c r="K618" s="3"/>
    </row>
    <row r="619" spans="2:11" ht="20.25" hidden="1" thickTop="1" thickBot="1" x14ac:dyDescent="0.45">
      <c r="B619" s="10"/>
      <c r="C619" s="22"/>
      <c r="D619" s="21" t="e">
        <f>VLOOKUP(C619,[1]分類番号!$A$4:$B$1149,2,0)</f>
        <v>#N/A</v>
      </c>
      <c r="E619" s="16"/>
      <c r="G619" s="14"/>
      <c r="H619" s="3"/>
      <c r="I619" s="3"/>
      <c r="J619" s="3"/>
      <c r="K619" s="3"/>
    </row>
    <row r="620" spans="2:11" ht="18" hidden="1" customHeight="1" x14ac:dyDescent="0.4">
      <c r="B620" s="10"/>
      <c r="C620" s="20"/>
      <c r="D620" s="17" t="e">
        <f>VLOOKUP(C620,[1]分類番号!$A$4:$B$1149,2,0)</f>
        <v>#N/A</v>
      </c>
      <c r="E620" s="16"/>
      <c r="G620" s="14"/>
      <c r="H620" s="3"/>
      <c r="I620" s="3"/>
      <c r="J620" s="3"/>
      <c r="K620" s="3"/>
    </row>
    <row r="621" spans="2:11" ht="18" hidden="1" customHeight="1" x14ac:dyDescent="0.4">
      <c r="B621" s="10"/>
      <c r="C621" s="20"/>
      <c r="D621" s="17" t="e">
        <f>VLOOKUP(C621,[1]分類番号!$A$4:$B$1149,2,0)</f>
        <v>#N/A</v>
      </c>
      <c r="E621" s="16"/>
      <c r="G621" s="14"/>
      <c r="H621" s="3"/>
      <c r="I621" s="3"/>
      <c r="J621" s="3"/>
      <c r="K621" s="3"/>
    </row>
    <row r="622" spans="2:11" ht="18" hidden="1" customHeight="1" x14ac:dyDescent="0.4">
      <c r="B622" s="10"/>
      <c r="C622" s="20"/>
      <c r="D622" s="17" t="e">
        <f>VLOOKUP(C622,[1]分類番号!$A$4:$B$1149,2,0)</f>
        <v>#N/A</v>
      </c>
      <c r="E622" s="16"/>
      <c r="G622" s="14"/>
      <c r="H622" s="3"/>
      <c r="I622" s="3"/>
      <c r="J622" s="3"/>
      <c r="K622" s="3"/>
    </row>
    <row r="623" spans="2:11" ht="18" hidden="1" customHeight="1" x14ac:dyDescent="0.4">
      <c r="B623" s="10"/>
      <c r="C623" s="20"/>
      <c r="D623" s="17" t="e">
        <f>VLOOKUP(C623,[1]分類番号!$A$4:$B$1149,2,0)</f>
        <v>#N/A</v>
      </c>
      <c r="E623" s="16"/>
      <c r="G623" s="14"/>
      <c r="H623" s="3"/>
      <c r="I623" s="3"/>
      <c r="J623" s="3"/>
      <c r="K623" s="3"/>
    </row>
    <row r="624" spans="2:11" ht="18" hidden="1" customHeight="1" x14ac:dyDescent="0.4">
      <c r="B624" s="10"/>
      <c r="C624" s="20"/>
      <c r="D624" s="17" t="e">
        <f>VLOOKUP(C624,[1]分類番号!$A$4:$B$1149,2,0)</f>
        <v>#N/A</v>
      </c>
      <c r="E624" s="16"/>
      <c r="G624" s="14"/>
      <c r="H624" s="3"/>
      <c r="I624" s="3"/>
      <c r="J624" s="3"/>
      <c r="K624" s="3"/>
    </row>
    <row r="625" spans="2:11" ht="18" hidden="1" customHeight="1" x14ac:dyDescent="0.4">
      <c r="B625" s="10"/>
      <c r="C625" s="20"/>
      <c r="D625" s="17" t="e">
        <f>VLOOKUP(C625,[1]分類番号!$A$4:$B$1149,2,0)</f>
        <v>#N/A</v>
      </c>
      <c r="E625" s="16"/>
      <c r="G625" s="14"/>
      <c r="H625" s="3"/>
      <c r="I625" s="3"/>
      <c r="J625" s="3"/>
      <c r="K625" s="3"/>
    </row>
    <row r="626" spans="2:11" ht="18" hidden="1" customHeight="1" x14ac:dyDescent="0.4">
      <c r="B626" s="10"/>
      <c r="C626" s="20"/>
      <c r="D626" s="17" t="e">
        <f>VLOOKUP(C626,[1]分類番号!$A$4:$B$1149,2,0)</f>
        <v>#N/A</v>
      </c>
      <c r="E626" s="16"/>
      <c r="G626" s="14"/>
      <c r="H626" s="3"/>
      <c r="I626" s="3"/>
      <c r="J626" s="3"/>
      <c r="K626" s="3"/>
    </row>
    <row r="627" spans="2:11" ht="18" hidden="1" customHeight="1" x14ac:dyDescent="0.4">
      <c r="B627" s="10"/>
      <c r="C627" s="20"/>
      <c r="D627" s="17" t="e">
        <f>VLOOKUP(C627,[1]分類番号!$A$4:$B$1149,2,0)</f>
        <v>#N/A</v>
      </c>
      <c r="E627" s="16"/>
      <c r="G627" s="14"/>
      <c r="H627" s="3"/>
      <c r="I627" s="3"/>
      <c r="J627" s="3"/>
      <c r="K627" s="3"/>
    </row>
    <row r="628" spans="2:11" ht="18" hidden="1" customHeight="1" x14ac:dyDescent="0.4">
      <c r="B628" s="10"/>
      <c r="C628" s="20"/>
      <c r="D628" s="17" t="e">
        <f>VLOOKUP(C628,[1]分類番号!$A$4:$B$1149,2,0)</f>
        <v>#N/A</v>
      </c>
      <c r="E628" s="16"/>
      <c r="G628" s="14"/>
      <c r="H628" s="3"/>
      <c r="I628" s="3"/>
      <c r="J628" s="3"/>
      <c r="K628" s="3"/>
    </row>
    <row r="629" spans="2:11" ht="18" hidden="1" customHeight="1" x14ac:dyDescent="0.4">
      <c r="B629" s="10"/>
      <c r="C629" s="20"/>
      <c r="D629" s="17" t="e">
        <f>VLOOKUP(C629,[1]分類番号!$A$4:$B$1149,2,0)</f>
        <v>#N/A</v>
      </c>
      <c r="E629" s="16"/>
      <c r="G629" s="14"/>
      <c r="H629" s="3"/>
      <c r="I629" s="3"/>
      <c r="J629" s="3"/>
      <c r="K629" s="3"/>
    </row>
    <row r="630" spans="2:11" ht="18" hidden="1" customHeight="1" x14ac:dyDescent="0.4">
      <c r="B630" s="10"/>
      <c r="C630" s="20"/>
      <c r="D630" s="17" t="e">
        <f>VLOOKUP(C630,[1]分類番号!$A$4:$B$1149,2,0)</f>
        <v>#N/A</v>
      </c>
      <c r="E630" s="16"/>
      <c r="G630" s="14"/>
      <c r="H630" s="3"/>
      <c r="I630" s="3"/>
      <c r="J630" s="3"/>
      <c r="K630" s="3"/>
    </row>
    <row r="631" spans="2:11" ht="18" hidden="1" customHeight="1" x14ac:dyDescent="0.4">
      <c r="B631" s="10"/>
      <c r="C631" s="20"/>
      <c r="D631" s="17" t="e">
        <f>VLOOKUP(C631,[1]分類番号!$A$4:$B$1149,2,0)</f>
        <v>#N/A</v>
      </c>
      <c r="E631" s="16"/>
      <c r="G631" s="14"/>
      <c r="H631" s="3"/>
      <c r="I631" s="3"/>
      <c r="J631" s="3"/>
      <c r="K631" s="3"/>
    </row>
    <row r="632" spans="2:11" ht="18" hidden="1" customHeight="1" x14ac:dyDescent="0.4">
      <c r="B632" s="10"/>
      <c r="C632" s="20"/>
      <c r="D632" s="17" t="e">
        <f>VLOOKUP(C632,[1]分類番号!$A$4:$B$1149,2,0)</f>
        <v>#N/A</v>
      </c>
      <c r="E632" s="16"/>
      <c r="G632" s="14"/>
      <c r="H632" s="3"/>
      <c r="I632" s="3"/>
      <c r="J632" s="3"/>
      <c r="K632" s="3"/>
    </row>
    <row r="633" spans="2:11" ht="18" hidden="1" customHeight="1" x14ac:dyDescent="0.4">
      <c r="B633" s="10"/>
      <c r="C633" s="20"/>
      <c r="D633" s="17" t="e">
        <f>VLOOKUP(C633,[1]分類番号!$A$4:$B$1149,2,0)</f>
        <v>#N/A</v>
      </c>
      <c r="E633" s="16"/>
      <c r="G633" s="14"/>
      <c r="H633" s="3"/>
      <c r="I633" s="3"/>
      <c r="J633" s="3"/>
      <c r="K633" s="3"/>
    </row>
    <row r="634" spans="2:11" ht="18" hidden="1" customHeight="1" x14ac:dyDescent="0.4">
      <c r="B634" s="10"/>
      <c r="C634" s="20"/>
      <c r="D634" s="17" t="e">
        <f>VLOOKUP(C634,[1]分類番号!$A$4:$B$1149,2,0)</f>
        <v>#N/A</v>
      </c>
      <c r="E634" s="16"/>
      <c r="G634" s="14"/>
      <c r="H634" s="3"/>
      <c r="I634" s="3"/>
      <c r="J634" s="3"/>
      <c r="K634" s="3"/>
    </row>
    <row r="635" spans="2:11" ht="18" hidden="1" customHeight="1" x14ac:dyDescent="0.4">
      <c r="B635" s="10"/>
      <c r="C635" s="20"/>
      <c r="D635" s="17" t="e">
        <f>VLOOKUP(C635,[1]分類番号!$A$4:$B$1149,2,0)</f>
        <v>#N/A</v>
      </c>
      <c r="E635" s="16"/>
      <c r="G635" s="14"/>
      <c r="H635" s="3"/>
      <c r="I635" s="3"/>
      <c r="J635" s="3"/>
      <c r="K635" s="3"/>
    </row>
    <row r="636" spans="2:11" ht="18" hidden="1" customHeight="1" x14ac:dyDescent="0.4">
      <c r="B636" s="10"/>
      <c r="C636" s="20"/>
      <c r="D636" s="17" t="e">
        <f>VLOOKUP(C636,[1]分類番号!$A$4:$B$1149,2,0)</f>
        <v>#N/A</v>
      </c>
      <c r="E636" s="16"/>
      <c r="G636" s="14"/>
      <c r="H636" s="3"/>
      <c r="I636" s="3"/>
      <c r="J636" s="3"/>
      <c r="K636" s="3"/>
    </row>
    <row r="637" spans="2:11" ht="18" hidden="1" customHeight="1" x14ac:dyDescent="0.4">
      <c r="B637" s="10"/>
      <c r="C637" s="20"/>
      <c r="D637" s="17" t="e">
        <f>VLOOKUP(C637,[1]分類番号!$A$4:$B$1149,2,0)</f>
        <v>#N/A</v>
      </c>
      <c r="E637" s="16"/>
      <c r="G637" s="14"/>
      <c r="H637" s="3"/>
      <c r="I637" s="3"/>
      <c r="J637" s="3"/>
      <c r="K637" s="3"/>
    </row>
    <row r="638" spans="2:11" ht="18" hidden="1" customHeight="1" x14ac:dyDescent="0.4">
      <c r="B638" s="10"/>
      <c r="C638" s="20"/>
      <c r="D638" s="17" t="e">
        <f>VLOOKUP(C638,[1]分類番号!$A$4:$B$1149,2,0)</f>
        <v>#N/A</v>
      </c>
      <c r="E638" s="16"/>
      <c r="G638" s="14"/>
      <c r="H638" s="3"/>
      <c r="I638" s="3"/>
      <c r="J638" s="3"/>
      <c r="K638" s="3"/>
    </row>
    <row r="639" spans="2:11" ht="18" hidden="1" customHeight="1" x14ac:dyDescent="0.4">
      <c r="B639" s="10"/>
      <c r="C639" s="20"/>
      <c r="D639" s="17" t="e">
        <f>VLOOKUP(C639,[1]分類番号!$A$4:$B$1149,2,0)</f>
        <v>#N/A</v>
      </c>
      <c r="E639" s="16"/>
      <c r="G639" s="14"/>
      <c r="H639" s="3"/>
      <c r="I639" s="3"/>
      <c r="J639" s="3"/>
      <c r="K639" s="3"/>
    </row>
    <row r="640" spans="2:11" ht="18" hidden="1" customHeight="1" x14ac:dyDescent="0.4">
      <c r="B640" s="10"/>
      <c r="C640" s="20"/>
      <c r="D640" s="17" t="e">
        <f>VLOOKUP(C640,[1]分類番号!$A$4:$B$1149,2,0)</f>
        <v>#N/A</v>
      </c>
      <c r="E640" s="16"/>
      <c r="G640" s="14"/>
      <c r="H640" s="3"/>
      <c r="I640" s="3"/>
      <c r="J640" s="3"/>
      <c r="K640" s="3"/>
    </row>
    <row r="641" spans="2:11" ht="18" hidden="1" customHeight="1" x14ac:dyDescent="0.4">
      <c r="B641" s="10"/>
      <c r="C641" s="20"/>
      <c r="D641" s="17" t="e">
        <f>VLOOKUP(C641,[1]分類番号!$A$4:$B$1149,2,0)</f>
        <v>#N/A</v>
      </c>
      <c r="E641" s="16"/>
      <c r="G641" s="14"/>
      <c r="H641" s="3"/>
      <c r="I641" s="3"/>
      <c r="J641" s="3"/>
      <c r="K641" s="3"/>
    </row>
    <row r="642" spans="2:11" ht="18" hidden="1" customHeight="1" x14ac:dyDescent="0.4">
      <c r="B642" s="10"/>
      <c r="C642" s="20"/>
      <c r="D642" s="17" t="e">
        <f>VLOOKUP(C642,[1]分類番号!$A$4:$B$1149,2,0)</f>
        <v>#N/A</v>
      </c>
      <c r="E642" s="16"/>
      <c r="G642" s="14"/>
      <c r="H642" s="3"/>
      <c r="I642" s="3"/>
      <c r="J642" s="3"/>
      <c r="K642" s="3"/>
    </row>
    <row r="643" spans="2:11" ht="18" hidden="1" customHeight="1" x14ac:dyDescent="0.4">
      <c r="B643" s="10"/>
      <c r="C643" s="20"/>
      <c r="D643" s="17" t="e">
        <f>VLOOKUP(C643,[1]分類番号!$A$4:$B$1149,2,0)</f>
        <v>#N/A</v>
      </c>
      <c r="E643" s="16"/>
      <c r="G643" s="14"/>
      <c r="H643" s="3"/>
      <c r="I643" s="3"/>
      <c r="J643" s="3"/>
      <c r="K643" s="3"/>
    </row>
    <row r="644" spans="2:11" ht="18" hidden="1" customHeight="1" x14ac:dyDescent="0.4">
      <c r="B644" s="10"/>
      <c r="C644" s="20"/>
      <c r="D644" s="17" t="e">
        <f>VLOOKUP(C644,[1]分類番号!$A$4:$B$1149,2,0)</f>
        <v>#N/A</v>
      </c>
      <c r="E644" s="16"/>
      <c r="G644" s="14"/>
      <c r="H644" s="3"/>
      <c r="I644" s="3"/>
      <c r="J644" s="3"/>
      <c r="K644" s="3"/>
    </row>
    <row r="645" spans="2:11" ht="18" hidden="1" customHeight="1" x14ac:dyDescent="0.4">
      <c r="B645" s="10"/>
      <c r="C645" s="20"/>
      <c r="D645" s="17" t="e">
        <f>VLOOKUP(C645,[1]分類番号!$A$4:$B$1149,2,0)</f>
        <v>#N/A</v>
      </c>
      <c r="E645" s="16"/>
      <c r="G645" s="14"/>
      <c r="H645" s="3"/>
      <c r="I645" s="3"/>
      <c r="J645" s="3"/>
      <c r="K645" s="3"/>
    </row>
    <row r="646" spans="2:11" ht="18" hidden="1" customHeight="1" x14ac:dyDescent="0.4">
      <c r="B646" s="10"/>
      <c r="C646" s="19"/>
      <c r="D646" s="17" t="e">
        <f>VLOOKUP(C646,[1]分類番号!$A$4:$B$1149,2,0)</f>
        <v>#N/A</v>
      </c>
      <c r="E646" s="16"/>
      <c r="G646" s="14"/>
      <c r="H646" s="3"/>
      <c r="I646" s="3"/>
      <c r="J646" s="3"/>
      <c r="K646" s="3"/>
    </row>
    <row r="647" spans="2:11" ht="18" hidden="1" customHeight="1" x14ac:dyDescent="0.4">
      <c r="B647" s="10"/>
      <c r="C647" s="19"/>
      <c r="D647" s="17" t="e">
        <f>VLOOKUP(C647,[1]分類番号!$A$4:$B$1149,2,0)</f>
        <v>#N/A</v>
      </c>
      <c r="E647" s="16"/>
      <c r="G647" s="14"/>
      <c r="H647" s="3"/>
      <c r="I647" s="3"/>
      <c r="J647" s="3"/>
      <c r="K647" s="3"/>
    </row>
    <row r="648" spans="2:11" ht="18" hidden="1" customHeight="1" x14ac:dyDescent="0.4">
      <c r="B648" s="10"/>
      <c r="C648" s="19"/>
      <c r="D648" s="17" t="e">
        <f>VLOOKUP(C648,[1]分類番号!$A$4:$B$1149,2,0)</f>
        <v>#N/A</v>
      </c>
      <c r="E648" s="16"/>
      <c r="G648" s="14"/>
      <c r="H648" s="3"/>
      <c r="I648" s="3"/>
      <c r="J648" s="3"/>
      <c r="K648" s="3"/>
    </row>
    <row r="649" spans="2:11" ht="18" hidden="1" customHeight="1" x14ac:dyDescent="0.4">
      <c r="B649" s="10"/>
      <c r="C649" s="19"/>
      <c r="D649" s="17" t="e">
        <f>VLOOKUP(C649,[1]分類番号!$A$4:$B$1149,2,0)</f>
        <v>#N/A</v>
      </c>
      <c r="E649" s="16"/>
      <c r="G649" s="14"/>
      <c r="H649" s="3"/>
      <c r="I649" s="3"/>
      <c r="J649" s="3"/>
      <c r="K649" s="3"/>
    </row>
    <row r="650" spans="2:11" ht="18" hidden="1" customHeight="1" x14ac:dyDescent="0.4">
      <c r="B650" s="10"/>
      <c r="C650" s="19"/>
      <c r="D650" s="17" t="e">
        <f>VLOOKUP(C650,[1]分類番号!$A$4:$B$1149,2,0)</f>
        <v>#N/A</v>
      </c>
      <c r="E650" s="16"/>
      <c r="G650" s="14"/>
      <c r="H650" s="3"/>
      <c r="I650" s="3"/>
      <c r="J650" s="3"/>
      <c r="K650" s="3"/>
    </row>
    <row r="651" spans="2:11" ht="18" hidden="1" customHeight="1" x14ac:dyDescent="0.4">
      <c r="B651" s="10"/>
      <c r="C651" s="19"/>
      <c r="D651" s="17" t="e">
        <f>VLOOKUP(C651,[1]分類番号!$A$4:$B$1149,2,0)</f>
        <v>#N/A</v>
      </c>
      <c r="E651" s="16"/>
      <c r="G651" s="14"/>
      <c r="H651" s="3"/>
      <c r="I651" s="3"/>
      <c r="J651" s="3"/>
      <c r="K651" s="3"/>
    </row>
    <row r="652" spans="2:11" ht="18" hidden="1" customHeight="1" x14ac:dyDescent="0.4">
      <c r="B652" s="10"/>
      <c r="C652" s="19"/>
      <c r="D652" s="17" t="e">
        <f>VLOOKUP(C652,[1]分類番号!$A$4:$B$1149,2,0)</f>
        <v>#N/A</v>
      </c>
      <c r="E652" s="16"/>
      <c r="G652" s="14"/>
      <c r="H652" s="3"/>
      <c r="I652" s="3"/>
      <c r="J652" s="3"/>
      <c r="K652" s="3"/>
    </row>
    <row r="653" spans="2:11" ht="18" hidden="1" customHeight="1" x14ac:dyDescent="0.4">
      <c r="B653" s="10"/>
      <c r="C653" s="18"/>
      <c r="D653" s="17" t="e">
        <f>VLOOKUP(C653,[1]分類番号!$A$4:$B$1149,2,0)</f>
        <v>#N/A</v>
      </c>
      <c r="E653" s="16"/>
      <c r="G653" s="14"/>
      <c r="H653" s="3"/>
      <c r="I653" s="3"/>
      <c r="J653" s="3"/>
      <c r="K653" s="3"/>
    </row>
    <row r="654" spans="2:11" ht="18" hidden="1" customHeight="1" x14ac:dyDescent="0.4">
      <c r="B654" s="10"/>
      <c r="C654" s="18"/>
      <c r="D654" s="17" t="e">
        <f>VLOOKUP(C654,[1]分類番号!$A$4:$B$1149,2,0)</f>
        <v>#N/A</v>
      </c>
      <c r="E654" s="16"/>
      <c r="G654" s="14"/>
      <c r="H654" s="3"/>
      <c r="I654" s="3"/>
      <c r="J654" s="3"/>
      <c r="K654" s="3"/>
    </row>
    <row r="655" spans="2:11" ht="18" hidden="1" customHeight="1" x14ac:dyDescent="0.4">
      <c r="B655" s="10"/>
      <c r="C655" s="18"/>
      <c r="D655" s="17" t="e">
        <f>VLOOKUP(C655,[1]分類番号!$A$4:$B$1149,2,0)</f>
        <v>#N/A</v>
      </c>
      <c r="E655" s="16"/>
      <c r="G655" s="14"/>
      <c r="H655" s="3"/>
      <c r="I655" s="3"/>
      <c r="J655" s="3"/>
      <c r="K655" s="3"/>
    </row>
    <row r="656" spans="2:11" ht="18" hidden="1" customHeight="1" x14ac:dyDescent="0.4">
      <c r="B656" s="10"/>
      <c r="C656" s="18"/>
      <c r="D656" s="17" t="e">
        <f>VLOOKUP(C656,[1]分類番号!$A$4:$B$1149,2,0)</f>
        <v>#N/A</v>
      </c>
      <c r="E656" s="16"/>
      <c r="G656" s="14"/>
      <c r="H656" s="3"/>
      <c r="I656" s="3"/>
      <c r="J656" s="3"/>
      <c r="K656" s="3"/>
    </row>
    <row r="657" spans="2:11" ht="18" hidden="1" customHeight="1" x14ac:dyDescent="0.4">
      <c r="B657" s="10"/>
      <c r="C657" s="18"/>
      <c r="D657" s="17" t="e">
        <f>VLOOKUP(C657,[1]分類番号!$A$4:$B$1149,2,0)</f>
        <v>#N/A</v>
      </c>
      <c r="E657" s="16"/>
      <c r="G657" s="14"/>
      <c r="H657" s="3"/>
      <c r="I657" s="3"/>
      <c r="J657" s="3"/>
      <c r="K657" s="3"/>
    </row>
    <row r="658" spans="2:11" ht="18" hidden="1" customHeight="1" x14ac:dyDescent="0.4">
      <c r="B658" s="10"/>
      <c r="C658" s="18"/>
      <c r="D658" s="17" t="e">
        <f>VLOOKUP(C658,[1]分類番号!$A$4:$B$1149,2,0)</f>
        <v>#N/A</v>
      </c>
      <c r="E658" s="16"/>
      <c r="G658" s="14"/>
      <c r="H658" s="3"/>
      <c r="I658" s="3"/>
      <c r="J658" s="3"/>
      <c r="K658" s="3"/>
    </row>
    <row r="659" spans="2:11" ht="18" hidden="1" customHeight="1" x14ac:dyDescent="0.4">
      <c r="B659" s="10"/>
      <c r="C659" s="18"/>
      <c r="D659" s="17" t="e">
        <f>VLOOKUP(C659,[1]分類番号!$A$4:$B$1149,2,0)</f>
        <v>#N/A</v>
      </c>
      <c r="E659" s="16"/>
      <c r="G659" s="14"/>
      <c r="H659" s="3"/>
      <c r="I659" s="3"/>
      <c r="J659" s="3"/>
      <c r="K659" s="3"/>
    </row>
    <row r="660" spans="2:11" ht="18" hidden="1" customHeight="1" x14ac:dyDescent="0.4">
      <c r="B660" s="10"/>
      <c r="C660" s="18"/>
      <c r="D660" s="17" t="e">
        <f>VLOOKUP(C660,[1]分類番号!$A$4:$B$1149,2,0)</f>
        <v>#N/A</v>
      </c>
      <c r="E660" s="16"/>
      <c r="G660" s="14"/>
      <c r="H660" s="3"/>
      <c r="I660" s="3"/>
      <c r="J660" s="3"/>
      <c r="K660" s="3"/>
    </row>
    <row r="661" spans="2:11" ht="18" hidden="1" customHeight="1" x14ac:dyDescent="0.4">
      <c r="B661" s="10"/>
      <c r="C661" s="18"/>
      <c r="D661" s="17" t="e">
        <f>VLOOKUP(C661,[1]分類番号!$A$4:$B$1149,2,0)</f>
        <v>#N/A</v>
      </c>
      <c r="E661" s="16"/>
      <c r="G661" s="14"/>
      <c r="H661" s="3"/>
      <c r="I661" s="3"/>
      <c r="J661" s="3"/>
      <c r="K661" s="3"/>
    </row>
    <row r="662" spans="2:11" ht="18" hidden="1" customHeight="1" x14ac:dyDescent="0.4">
      <c r="B662" s="10"/>
      <c r="C662" s="18"/>
      <c r="D662" s="17" t="e">
        <f>VLOOKUP(C662,[1]分類番号!$A$4:$B$1149,2,0)</f>
        <v>#N/A</v>
      </c>
      <c r="E662" s="16"/>
      <c r="G662" s="14"/>
      <c r="H662" s="3"/>
      <c r="I662" s="3"/>
      <c r="J662" s="3"/>
      <c r="K662" s="3"/>
    </row>
    <row r="663" spans="2:11" ht="18" hidden="1" customHeight="1" x14ac:dyDescent="0.4">
      <c r="B663" s="10"/>
      <c r="C663" s="18"/>
      <c r="D663" s="17" t="e">
        <f>VLOOKUP(C663,[1]分類番号!$A$4:$B$1149,2,0)</f>
        <v>#N/A</v>
      </c>
      <c r="E663" s="16"/>
      <c r="G663" s="14"/>
      <c r="H663" s="3"/>
      <c r="I663" s="3"/>
      <c r="J663" s="3"/>
      <c r="K663" s="3"/>
    </row>
    <row r="664" spans="2:11" ht="18" hidden="1" customHeight="1" x14ac:dyDescent="0.4">
      <c r="B664" s="10"/>
      <c r="C664" s="18"/>
      <c r="D664" s="17" t="e">
        <f>VLOOKUP(C664,[1]分類番号!$A$4:$B$1149,2,0)</f>
        <v>#N/A</v>
      </c>
      <c r="E664" s="16"/>
      <c r="G664" s="14"/>
      <c r="H664" s="3"/>
      <c r="I664" s="3"/>
      <c r="J664" s="3"/>
      <c r="K664" s="3"/>
    </row>
    <row r="665" spans="2:11" ht="18" hidden="1" customHeight="1" x14ac:dyDescent="0.4">
      <c r="B665" s="10"/>
      <c r="C665" s="18"/>
      <c r="D665" s="17" t="e">
        <f>VLOOKUP(C665,[1]分類番号!$A$4:$B$1149,2,0)</f>
        <v>#N/A</v>
      </c>
      <c r="E665" s="16"/>
      <c r="G665" s="14"/>
      <c r="H665" s="3"/>
      <c r="I665" s="3"/>
      <c r="J665" s="3"/>
      <c r="K665" s="3"/>
    </row>
    <row r="666" spans="2:11" ht="18" hidden="1" customHeight="1" x14ac:dyDescent="0.4">
      <c r="B666" s="10"/>
      <c r="C666" s="18"/>
      <c r="D666" s="17" t="e">
        <f>VLOOKUP(C666,[1]分類番号!$A$4:$B$1149,2,0)</f>
        <v>#N/A</v>
      </c>
      <c r="E666" s="16"/>
      <c r="G666" s="14"/>
      <c r="H666" s="3"/>
      <c r="I666" s="3"/>
      <c r="J666" s="3"/>
      <c r="K666" s="3"/>
    </row>
    <row r="667" spans="2:11" ht="18" hidden="1" customHeight="1" x14ac:dyDescent="0.4">
      <c r="B667" s="10"/>
      <c r="C667" s="18"/>
      <c r="D667" s="17" t="e">
        <f>VLOOKUP(C667,[1]分類番号!$A$4:$B$1149,2,0)</f>
        <v>#N/A</v>
      </c>
      <c r="E667" s="16"/>
      <c r="G667" s="14"/>
      <c r="H667" s="3"/>
      <c r="I667" s="3"/>
      <c r="J667" s="3"/>
      <c r="K667" s="3"/>
    </row>
    <row r="668" spans="2:11" ht="18" hidden="1" customHeight="1" x14ac:dyDescent="0.4">
      <c r="B668" s="10"/>
      <c r="C668" s="18"/>
      <c r="D668" s="17" t="e">
        <f>VLOOKUP(C668,[1]分類番号!$A$4:$B$1149,2,0)</f>
        <v>#N/A</v>
      </c>
      <c r="E668" s="16"/>
      <c r="G668" s="14"/>
      <c r="H668" s="3"/>
      <c r="I668" s="3"/>
      <c r="J668" s="3"/>
      <c r="K668" s="3"/>
    </row>
    <row r="669" spans="2:11" ht="35.25" hidden="1" customHeight="1" x14ac:dyDescent="0.4">
      <c r="B669" s="10"/>
      <c r="C669" s="18"/>
      <c r="D669" s="17" t="e">
        <f>VLOOKUP(C669,[1]分類番号!$A$4:$B$1149,2,0)</f>
        <v>#N/A</v>
      </c>
      <c r="E669" s="16"/>
      <c r="G669" s="14"/>
      <c r="H669" s="3"/>
      <c r="I669" s="3"/>
      <c r="J669" s="3"/>
      <c r="K669" s="3"/>
    </row>
    <row r="670" spans="2:11" ht="18" hidden="1" customHeight="1" x14ac:dyDescent="0.4">
      <c r="B670" s="10"/>
      <c r="C670" s="18"/>
      <c r="D670" s="17" t="e">
        <f>VLOOKUP(C670,[1]分類番号!$A$4:$B$1149,2,0)</f>
        <v>#N/A</v>
      </c>
      <c r="E670" s="16"/>
      <c r="G670" s="14"/>
      <c r="H670" s="3"/>
      <c r="I670" s="3"/>
      <c r="J670" s="3"/>
      <c r="K670" s="3"/>
    </row>
    <row r="671" spans="2:11" ht="18" hidden="1" customHeight="1" x14ac:dyDescent="0.4">
      <c r="B671" s="10"/>
      <c r="C671" s="18"/>
      <c r="D671" s="17" t="e">
        <f>VLOOKUP(C671,[1]分類番号!$A$4:$B$1149,2,0)</f>
        <v>#N/A</v>
      </c>
      <c r="E671" s="16"/>
      <c r="G671" s="14"/>
      <c r="H671" s="3"/>
      <c r="I671" s="3"/>
      <c r="J671" s="3"/>
      <c r="K671" s="3"/>
    </row>
    <row r="672" spans="2:11" ht="18" hidden="1" customHeight="1" x14ac:dyDescent="0.4">
      <c r="B672" s="10"/>
      <c r="C672" s="18"/>
      <c r="D672" s="17" t="e">
        <f>VLOOKUP(C672,[1]分類番号!$A$4:$B$1149,2,0)</f>
        <v>#N/A</v>
      </c>
      <c r="E672" s="16"/>
      <c r="G672" s="14"/>
      <c r="H672" s="3"/>
      <c r="I672" s="3"/>
      <c r="J672" s="3"/>
      <c r="K672" s="3"/>
    </row>
    <row r="673" spans="2:11" ht="18" hidden="1" customHeight="1" x14ac:dyDescent="0.4">
      <c r="B673" s="10"/>
      <c r="C673" s="18"/>
      <c r="D673" s="17" t="e">
        <f>VLOOKUP(C673,[1]分類番号!$A$4:$B$1149,2,0)</f>
        <v>#N/A</v>
      </c>
      <c r="E673" s="16"/>
      <c r="G673" s="14"/>
      <c r="H673" s="3"/>
      <c r="I673" s="3"/>
      <c r="J673" s="3"/>
      <c r="K673" s="3"/>
    </row>
    <row r="674" spans="2:11" ht="18" hidden="1" customHeight="1" x14ac:dyDescent="0.4">
      <c r="B674" s="10"/>
      <c r="C674" s="18"/>
      <c r="D674" s="17" t="e">
        <f>VLOOKUP(C674,[1]分類番号!$A$4:$B$1149,2,0)</f>
        <v>#N/A</v>
      </c>
      <c r="E674" s="16"/>
      <c r="G674" s="14"/>
      <c r="H674" s="3"/>
      <c r="I674" s="3"/>
      <c r="J674" s="3"/>
      <c r="K674" s="3"/>
    </row>
    <row r="675" spans="2:11" ht="18" hidden="1" customHeight="1" x14ac:dyDescent="0.4">
      <c r="B675" s="10"/>
      <c r="C675" s="18"/>
      <c r="D675" s="17" t="e">
        <f>VLOOKUP(C675,[1]分類番号!$A$4:$B$1149,2,0)</f>
        <v>#N/A</v>
      </c>
      <c r="E675" s="16"/>
      <c r="G675" s="14"/>
      <c r="H675" s="3"/>
      <c r="I675" s="3"/>
      <c r="J675" s="3"/>
      <c r="K675" s="3"/>
    </row>
    <row r="676" spans="2:11" ht="18" hidden="1" customHeight="1" x14ac:dyDescent="0.4">
      <c r="B676" s="10"/>
      <c r="C676" s="18"/>
      <c r="D676" s="17" t="e">
        <f>VLOOKUP(C676,[1]分類番号!$A$4:$B$1149,2,0)</f>
        <v>#N/A</v>
      </c>
      <c r="E676" s="16"/>
      <c r="G676" s="14"/>
      <c r="H676" s="3"/>
      <c r="I676" s="3"/>
      <c r="J676" s="3"/>
      <c r="K676" s="3"/>
    </row>
    <row r="677" spans="2:11" ht="18" hidden="1" customHeight="1" x14ac:dyDescent="0.4">
      <c r="B677" s="10"/>
      <c r="C677" s="18"/>
      <c r="D677" s="17" t="e">
        <f>VLOOKUP(C677,[1]分類番号!$A$4:$B$1149,2,0)</f>
        <v>#N/A</v>
      </c>
      <c r="E677" s="16"/>
      <c r="G677" s="14"/>
      <c r="H677" s="3"/>
      <c r="I677" s="3"/>
      <c r="J677" s="3"/>
      <c r="K677" s="3"/>
    </row>
    <row r="678" spans="2:11" ht="18" hidden="1" customHeight="1" x14ac:dyDescent="0.4">
      <c r="B678" s="10"/>
      <c r="C678" s="18"/>
      <c r="D678" s="17" t="e">
        <f>VLOOKUP(C678,[1]分類番号!$A$4:$B$1149,2,0)</f>
        <v>#N/A</v>
      </c>
      <c r="E678" s="16"/>
      <c r="G678" s="14"/>
      <c r="H678" s="3"/>
      <c r="I678" s="3"/>
      <c r="J678" s="3"/>
      <c r="K678" s="3"/>
    </row>
    <row r="679" spans="2:11" ht="18" hidden="1" customHeight="1" x14ac:dyDescent="0.4">
      <c r="B679" s="10"/>
      <c r="C679" s="18"/>
      <c r="D679" s="17" t="e">
        <f>VLOOKUP(C679,[1]分類番号!$A$4:$B$1149,2,0)</f>
        <v>#N/A</v>
      </c>
      <c r="E679" s="16"/>
      <c r="G679" s="14"/>
      <c r="H679" s="3"/>
      <c r="I679" s="3"/>
      <c r="J679" s="3"/>
      <c r="K679" s="3"/>
    </row>
    <row r="680" spans="2:11" ht="18" hidden="1" customHeight="1" x14ac:dyDescent="0.4">
      <c r="B680" s="10"/>
      <c r="C680" s="18"/>
      <c r="D680" s="17" t="e">
        <f>VLOOKUP(C680,[1]分類番号!$A$4:$B$1149,2,0)</f>
        <v>#N/A</v>
      </c>
      <c r="E680" s="16"/>
      <c r="G680" s="14"/>
      <c r="H680" s="3"/>
      <c r="I680" s="3"/>
      <c r="J680" s="3"/>
      <c r="K680" s="3"/>
    </row>
    <row r="681" spans="2:11" ht="18" hidden="1" customHeight="1" x14ac:dyDescent="0.4">
      <c r="B681" s="10"/>
      <c r="C681" s="18"/>
      <c r="D681" s="17" t="e">
        <f>VLOOKUP(C681,[1]分類番号!$A$4:$B$1149,2,0)</f>
        <v>#N/A</v>
      </c>
      <c r="E681" s="16"/>
      <c r="G681" s="14"/>
      <c r="H681" s="3"/>
      <c r="I681" s="3"/>
      <c r="J681" s="3"/>
      <c r="K681" s="3"/>
    </row>
    <row r="682" spans="2:11" ht="18" hidden="1" customHeight="1" x14ac:dyDescent="0.4">
      <c r="B682" s="10"/>
      <c r="C682" s="18"/>
      <c r="D682" s="17" t="e">
        <f>VLOOKUP(C682,[1]分類番号!$A$4:$B$1149,2,0)</f>
        <v>#N/A</v>
      </c>
      <c r="E682" s="16"/>
      <c r="G682" s="14"/>
      <c r="H682" s="3"/>
      <c r="I682" s="3"/>
      <c r="J682" s="3"/>
      <c r="K682" s="3"/>
    </row>
    <row r="683" spans="2:11" ht="18" hidden="1" customHeight="1" x14ac:dyDescent="0.4">
      <c r="B683" s="10"/>
      <c r="C683" s="18"/>
      <c r="D683" s="17" t="e">
        <f>VLOOKUP(C683,[1]分類番号!$A$4:$B$1149,2,0)</f>
        <v>#N/A</v>
      </c>
      <c r="E683" s="16"/>
      <c r="G683" s="14"/>
      <c r="H683" s="3"/>
      <c r="I683" s="3"/>
      <c r="J683" s="3"/>
      <c r="K683" s="3"/>
    </row>
    <row r="684" spans="2:11" ht="18" hidden="1" customHeight="1" x14ac:dyDescent="0.4">
      <c r="B684" s="10"/>
      <c r="C684" s="18"/>
      <c r="D684" s="17" t="e">
        <f>VLOOKUP(C684,[1]分類番号!$A$4:$B$1149,2,0)</f>
        <v>#N/A</v>
      </c>
      <c r="E684" s="16"/>
      <c r="G684" s="14"/>
      <c r="H684" s="3"/>
      <c r="I684" s="3"/>
      <c r="J684" s="3"/>
      <c r="K684" s="3"/>
    </row>
    <row r="685" spans="2:11" ht="18" hidden="1" customHeight="1" x14ac:dyDescent="0.4">
      <c r="B685" s="10"/>
      <c r="C685" s="18"/>
      <c r="D685" s="17" t="e">
        <f>VLOOKUP(C685,[1]分類番号!$A$4:$B$1149,2,0)</f>
        <v>#N/A</v>
      </c>
      <c r="E685" s="16"/>
      <c r="G685" s="14"/>
      <c r="H685" s="3"/>
      <c r="I685" s="3"/>
      <c r="J685" s="3"/>
      <c r="K685" s="3"/>
    </row>
    <row r="686" spans="2:11" ht="18" hidden="1" customHeight="1" x14ac:dyDescent="0.4">
      <c r="B686" s="10"/>
      <c r="C686" s="18"/>
      <c r="D686" s="17" t="e">
        <f>VLOOKUP(C686,[1]分類番号!$A$4:$B$1149,2,0)</f>
        <v>#N/A</v>
      </c>
      <c r="E686" s="16"/>
      <c r="G686" s="14"/>
      <c r="H686" s="3"/>
      <c r="I686" s="3"/>
      <c r="J686" s="3"/>
      <c r="K686" s="3"/>
    </row>
    <row r="687" spans="2:11" ht="18" hidden="1" customHeight="1" x14ac:dyDescent="0.4">
      <c r="B687" s="10"/>
      <c r="C687" s="18"/>
      <c r="D687" s="17" t="e">
        <f>VLOOKUP(C687,[1]分類番号!$A$4:$B$1149,2,0)</f>
        <v>#N/A</v>
      </c>
      <c r="E687" s="16"/>
      <c r="G687" s="14"/>
      <c r="H687" s="3"/>
      <c r="I687" s="3"/>
      <c r="J687" s="3"/>
      <c r="K687" s="3"/>
    </row>
    <row r="688" spans="2:11" ht="18" hidden="1" customHeight="1" x14ac:dyDescent="0.4">
      <c r="B688" s="10"/>
      <c r="C688" s="18"/>
      <c r="D688" s="17" t="e">
        <f>VLOOKUP(C688,[1]分類番号!$A$4:$B$1149,2,0)</f>
        <v>#N/A</v>
      </c>
      <c r="E688" s="16"/>
      <c r="G688" s="14"/>
      <c r="H688" s="3"/>
      <c r="I688" s="3"/>
      <c r="J688" s="3"/>
      <c r="K688" s="3"/>
    </row>
    <row r="689" spans="2:11" ht="18" hidden="1" customHeight="1" x14ac:dyDescent="0.4">
      <c r="B689" s="10"/>
      <c r="C689" s="18"/>
      <c r="D689" s="17" t="e">
        <f>VLOOKUP(C689,[1]分類番号!$A$4:$B$1149,2,0)</f>
        <v>#N/A</v>
      </c>
      <c r="E689" s="16"/>
      <c r="G689" s="14"/>
      <c r="H689" s="3"/>
      <c r="I689" s="3"/>
      <c r="J689" s="3"/>
      <c r="K689" s="3"/>
    </row>
    <row r="690" spans="2:11" ht="18" hidden="1" customHeight="1" x14ac:dyDescent="0.4">
      <c r="B690" s="10"/>
      <c r="C690" s="18"/>
      <c r="D690" s="17" t="e">
        <f>VLOOKUP(C690,[1]分類番号!$A$4:$B$1149,2,0)</f>
        <v>#N/A</v>
      </c>
      <c r="E690" s="16"/>
      <c r="G690" s="14"/>
      <c r="H690" s="3"/>
      <c r="I690" s="3"/>
      <c r="J690" s="3"/>
      <c r="K690" s="3"/>
    </row>
    <row r="691" spans="2:11" ht="18" hidden="1" customHeight="1" x14ac:dyDescent="0.4">
      <c r="B691" s="10"/>
      <c r="C691" s="18"/>
      <c r="D691" s="17" t="e">
        <f>VLOOKUP(C691,[1]分類番号!$A$4:$B$1149,2,0)</f>
        <v>#N/A</v>
      </c>
      <c r="E691" s="16"/>
      <c r="G691" s="14"/>
      <c r="H691" s="3"/>
      <c r="I691" s="3"/>
      <c r="J691" s="3"/>
      <c r="K691" s="3"/>
    </row>
    <row r="692" spans="2:11" ht="18" hidden="1" customHeight="1" x14ac:dyDescent="0.4">
      <c r="B692" s="10"/>
      <c r="C692" s="18"/>
      <c r="D692" s="17" t="e">
        <f>VLOOKUP(C692,[1]分類番号!$A$4:$B$1149,2,0)</f>
        <v>#N/A</v>
      </c>
      <c r="E692" s="16"/>
      <c r="G692" s="14"/>
      <c r="H692" s="3"/>
      <c r="I692" s="3"/>
      <c r="J692" s="3"/>
      <c r="K692" s="3"/>
    </row>
    <row r="693" spans="2:11" ht="18" hidden="1" customHeight="1" x14ac:dyDescent="0.4">
      <c r="B693" s="10"/>
      <c r="C693" s="18"/>
      <c r="D693" s="17" t="e">
        <f>VLOOKUP(C693,[1]分類番号!$A$4:$B$1149,2,0)</f>
        <v>#N/A</v>
      </c>
      <c r="E693" s="16"/>
      <c r="G693" s="14"/>
      <c r="H693" s="3"/>
      <c r="I693" s="3"/>
      <c r="J693" s="3"/>
      <c r="K693" s="3"/>
    </row>
    <row r="694" spans="2:11" ht="18" hidden="1" customHeight="1" x14ac:dyDescent="0.4">
      <c r="B694" s="10"/>
      <c r="C694" s="18"/>
      <c r="D694" s="17" t="e">
        <f>VLOOKUP(C694,[1]分類番号!$A$4:$B$1149,2,0)</f>
        <v>#N/A</v>
      </c>
      <c r="E694" s="16"/>
      <c r="G694" s="14"/>
      <c r="H694" s="3"/>
      <c r="I694" s="3"/>
      <c r="J694" s="3"/>
      <c r="K694" s="3"/>
    </row>
    <row r="695" spans="2:11" ht="18" hidden="1" customHeight="1" x14ac:dyDescent="0.4">
      <c r="B695" s="10"/>
      <c r="C695" s="18"/>
      <c r="D695" s="17" t="e">
        <f>VLOOKUP(C695,[1]分類番号!$A$4:$B$1149,2,0)</f>
        <v>#N/A</v>
      </c>
      <c r="E695" s="16"/>
      <c r="G695" s="14"/>
      <c r="H695" s="3"/>
      <c r="I695" s="3"/>
      <c r="J695" s="3"/>
      <c r="K695" s="3"/>
    </row>
    <row r="696" spans="2:11" ht="18" hidden="1" customHeight="1" x14ac:dyDescent="0.4">
      <c r="B696" s="10"/>
      <c r="C696" s="18"/>
      <c r="D696" s="17" t="e">
        <f>VLOOKUP(C696,[1]分類番号!$A$4:$B$1149,2,0)</f>
        <v>#N/A</v>
      </c>
      <c r="E696" s="16"/>
      <c r="G696" s="14"/>
      <c r="H696" s="3"/>
      <c r="I696" s="3"/>
      <c r="J696" s="3"/>
      <c r="K696" s="3"/>
    </row>
    <row r="697" spans="2:11" ht="18" hidden="1" customHeight="1" x14ac:dyDescent="0.4">
      <c r="B697" s="10"/>
      <c r="C697" s="18"/>
      <c r="D697" s="17" t="e">
        <f>VLOOKUP(C697,[1]分類番号!$A$4:$B$1149,2,0)</f>
        <v>#N/A</v>
      </c>
      <c r="E697" s="16"/>
      <c r="G697" s="14"/>
      <c r="H697" s="3"/>
      <c r="I697" s="3"/>
      <c r="J697" s="3"/>
      <c r="K697" s="3"/>
    </row>
    <row r="698" spans="2:11" ht="18" hidden="1" customHeight="1" x14ac:dyDescent="0.4">
      <c r="B698" s="10"/>
      <c r="C698" s="18"/>
      <c r="D698" s="17" t="e">
        <f>VLOOKUP(C698,[1]分類番号!$A$4:$B$1149,2,0)</f>
        <v>#N/A</v>
      </c>
      <c r="E698" s="16"/>
      <c r="G698" s="14"/>
      <c r="H698" s="3"/>
      <c r="I698" s="3"/>
      <c r="J698" s="3"/>
      <c r="K698" s="3"/>
    </row>
    <row r="699" spans="2:11" ht="18" hidden="1" customHeight="1" x14ac:dyDescent="0.4">
      <c r="B699" s="10"/>
      <c r="C699" s="18"/>
      <c r="D699" s="17" t="e">
        <f>VLOOKUP(C699,[1]分類番号!$A$4:$B$1149,2,0)</f>
        <v>#N/A</v>
      </c>
      <c r="E699" s="16"/>
      <c r="G699" s="14"/>
      <c r="H699" s="3"/>
      <c r="I699" s="3"/>
      <c r="J699" s="3"/>
      <c r="K699" s="3"/>
    </row>
    <row r="700" spans="2:11" ht="18" hidden="1" customHeight="1" x14ac:dyDescent="0.4">
      <c r="B700" s="10"/>
      <c r="C700" s="18"/>
      <c r="D700" s="17" t="e">
        <f>VLOOKUP(C700,[1]分類番号!$A$4:$B$1149,2,0)</f>
        <v>#N/A</v>
      </c>
      <c r="E700" s="16"/>
      <c r="G700" s="14"/>
      <c r="H700" s="3"/>
      <c r="I700" s="3"/>
      <c r="J700" s="3"/>
      <c r="K700" s="3"/>
    </row>
    <row r="701" spans="2:11" ht="18" hidden="1" customHeight="1" x14ac:dyDescent="0.4">
      <c r="B701" s="10"/>
      <c r="C701" s="18"/>
      <c r="D701" s="17" t="e">
        <f>VLOOKUP(C701,[1]分類番号!$A$4:$B$1149,2,0)</f>
        <v>#N/A</v>
      </c>
      <c r="E701" s="16"/>
      <c r="G701" s="14"/>
      <c r="H701" s="3"/>
      <c r="I701" s="3"/>
      <c r="J701" s="3"/>
      <c r="K701" s="3"/>
    </row>
    <row r="702" spans="2:11" ht="18" hidden="1" customHeight="1" x14ac:dyDescent="0.4">
      <c r="B702" s="10"/>
      <c r="C702" s="18"/>
      <c r="D702" s="17" t="e">
        <f>VLOOKUP(C702,[1]分類番号!$A$4:$B$1149,2,0)</f>
        <v>#N/A</v>
      </c>
      <c r="E702" s="16"/>
      <c r="G702" s="14"/>
      <c r="H702" s="3"/>
      <c r="I702" s="3"/>
      <c r="J702" s="3"/>
      <c r="K702" s="3"/>
    </row>
    <row r="703" spans="2:11" ht="18" hidden="1" customHeight="1" x14ac:dyDescent="0.4">
      <c r="B703" s="10"/>
      <c r="C703" s="18"/>
      <c r="D703" s="17" t="e">
        <f>VLOOKUP(C703,[1]分類番号!$A$4:$B$1149,2,0)</f>
        <v>#N/A</v>
      </c>
      <c r="E703" s="16"/>
      <c r="G703" s="14"/>
      <c r="H703" s="3"/>
      <c r="I703" s="3"/>
      <c r="J703" s="3"/>
      <c r="K703" s="3"/>
    </row>
    <row r="704" spans="2:11" ht="18" hidden="1" customHeight="1" x14ac:dyDescent="0.4">
      <c r="B704" s="10"/>
      <c r="C704" s="18"/>
      <c r="D704" s="17" t="e">
        <f>VLOOKUP(C704,[1]分類番号!$A$4:$B$1149,2,0)</f>
        <v>#N/A</v>
      </c>
      <c r="E704" s="16"/>
      <c r="G704" s="14"/>
      <c r="H704" s="3"/>
      <c r="I704" s="3"/>
      <c r="J704" s="3"/>
      <c r="K704" s="3"/>
    </row>
    <row r="705" spans="2:11" ht="18" hidden="1" customHeight="1" x14ac:dyDescent="0.4">
      <c r="B705" s="10"/>
      <c r="C705" s="18"/>
      <c r="D705" s="17" t="e">
        <f>VLOOKUP(C705,[1]分類番号!$A$4:$B$1149,2,0)</f>
        <v>#N/A</v>
      </c>
      <c r="E705" s="16"/>
      <c r="G705" s="14"/>
      <c r="H705" s="3"/>
      <c r="I705" s="3"/>
      <c r="J705" s="3"/>
      <c r="K705" s="3"/>
    </row>
    <row r="706" spans="2:11" ht="18" hidden="1" customHeight="1" x14ac:dyDescent="0.4">
      <c r="B706" s="10"/>
      <c r="C706" s="18"/>
      <c r="D706" s="17" t="e">
        <f>VLOOKUP(C706,[1]分類番号!$A$4:$B$1149,2,0)</f>
        <v>#N/A</v>
      </c>
      <c r="E706" s="16"/>
      <c r="G706" s="14"/>
      <c r="H706" s="3"/>
      <c r="I706" s="3"/>
      <c r="J706" s="3"/>
      <c r="K706" s="3"/>
    </row>
    <row r="707" spans="2:11" ht="18" hidden="1" customHeight="1" x14ac:dyDescent="0.4">
      <c r="B707" s="10"/>
      <c r="C707" s="18"/>
      <c r="D707" s="17" t="e">
        <f>VLOOKUP(C707,[1]分類番号!$A$4:$B$1149,2,0)</f>
        <v>#N/A</v>
      </c>
      <c r="E707" s="16"/>
      <c r="G707" s="14"/>
      <c r="H707" s="3"/>
      <c r="I707" s="3"/>
      <c r="J707" s="3"/>
      <c r="K707" s="3"/>
    </row>
    <row r="708" spans="2:11" ht="18" hidden="1" customHeight="1" x14ac:dyDescent="0.4">
      <c r="B708" s="10"/>
      <c r="C708" s="18"/>
      <c r="D708" s="17" t="e">
        <f>VLOOKUP(C708,[1]分類番号!$A$4:$B$1149,2,0)</f>
        <v>#N/A</v>
      </c>
      <c r="E708" s="16"/>
      <c r="G708" s="14"/>
      <c r="H708" s="3"/>
      <c r="I708" s="3"/>
      <c r="J708" s="3"/>
      <c r="K708" s="3"/>
    </row>
    <row r="709" spans="2:11" ht="18" hidden="1" customHeight="1" x14ac:dyDescent="0.4">
      <c r="B709" s="10"/>
      <c r="C709" s="18"/>
      <c r="D709" s="17" t="e">
        <f>VLOOKUP(C709,[1]分類番号!$A$4:$B$1149,2,0)</f>
        <v>#N/A</v>
      </c>
      <c r="E709" s="16"/>
      <c r="G709" s="14"/>
      <c r="H709" s="3"/>
      <c r="I709" s="3"/>
      <c r="J709" s="3"/>
      <c r="K709" s="3"/>
    </row>
    <row r="710" spans="2:11" ht="18" hidden="1" customHeight="1" x14ac:dyDescent="0.4">
      <c r="B710" s="10"/>
      <c r="C710" s="18"/>
      <c r="D710" s="17" t="e">
        <f>VLOOKUP(C710,[1]分類番号!$A$4:$B$1149,2,0)</f>
        <v>#N/A</v>
      </c>
      <c r="E710" s="16"/>
      <c r="G710" s="14"/>
      <c r="H710" s="3"/>
      <c r="I710" s="3"/>
      <c r="J710" s="3"/>
      <c r="K710" s="3"/>
    </row>
    <row r="711" spans="2:11" ht="18" hidden="1" customHeight="1" x14ac:dyDescent="0.4">
      <c r="B711" s="10"/>
      <c r="C711" s="18"/>
      <c r="D711" s="17" t="e">
        <f>VLOOKUP(C711,[1]分類番号!$A$4:$B$1149,2,0)</f>
        <v>#N/A</v>
      </c>
      <c r="E711" s="16"/>
      <c r="G711" s="14"/>
      <c r="H711" s="3"/>
      <c r="I711" s="3"/>
      <c r="J711" s="3"/>
      <c r="K711" s="3"/>
    </row>
    <row r="712" spans="2:11" ht="18" hidden="1" customHeight="1" x14ac:dyDescent="0.4">
      <c r="B712" s="10"/>
      <c r="C712" s="18"/>
      <c r="D712" s="17" t="e">
        <f>VLOOKUP(C712,[1]分類番号!$A$4:$B$1149,2,0)</f>
        <v>#N/A</v>
      </c>
      <c r="E712" s="16"/>
      <c r="G712" s="14"/>
      <c r="H712" s="3"/>
      <c r="I712" s="3"/>
      <c r="J712" s="3"/>
      <c r="K712" s="3"/>
    </row>
    <row r="713" spans="2:11" ht="18" hidden="1" customHeight="1" x14ac:dyDescent="0.4">
      <c r="B713" s="10"/>
      <c r="C713" s="18"/>
      <c r="D713" s="17" t="e">
        <f>VLOOKUP(C713,[1]分類番号!$A$4:$B$1149,2,0)</f>
        <v>#N/A</v>
      </c>
      <c r="E713" s="16"/>
      <c r="G713" s="14"/>
      <c r="H713" s="3"/>
      <c r="I713" s="3"/>
      <c r="J713" s="3"/>
      <c r="K713" s="3"/>
    </row>
    <row r="714" spans="2:11" ht="18" hidden="1" customHeight="1" x14ac:dyDescent="0.4">
      <c r="B714" s="10"/>
      <c r="C714" s="18"/>
      <c r="D714" s="17" t="e">
        <f>VLOOKUP(C714,[1]分類番号!$A$4:$B$1149,2,0)</f>
        <v>#N/A</v>
      </c>
      <c r="E714" s="16"/>
      <c r="G714" s="14"/>
      <c r="H714" s="3"/>
      <c r="I714" s="3"/>
      <c r="J714" s="3"/>
      <c r="K714" s="3"/>
    </row>
    <row r="715" spans="2:11" ht="18" hidden="1" customHeight="1" x14ac:dyDescent="0.4">
      <c r="B715" s="10"/>
      <c r="C715" s="18"/>
      <c r="D715" s="17" t="e">
        <f>VLOOKUP(C715,[1]分類番号!$A$4:$B$1149,2,0)</f>
        <v>#N/A</v>
      </c>
      <c r="E715" s="16"/>
      <c r="G715" s="14"/>
      <c r="H715" s="3"/>
      <c r="I715" s="3"/>
      <c r="J715" s="3"/>
      <c r="K715" s="3"/>
    </row>
    <row r="716" spans="2:11" ht="18" hidden="1" customHeight="1" x14ac:dyDescent="0.4">
      <c r="B716" s="10"/>
      <c r="C716" s="18"/>
      <c r="D716" s="17" t="e">
        <f>VLOOKUP(C716,[1]分類番号!$A$4:$B$1149,2,0)</f>
        <v>#N/A</v>
      </c>
      <c r="E716" s="16"/>
      <c r="G716" s="14"/>
      <c r="H716" s="3"/>
      <c r="I716" s="3"/>
      <c r="J716" s="3"/>
      <c r="K716" s="3"/>
    </row>
    <row r="717" spans="2:11" ht="18" hidden="1" customHeight="1" x14ac:dyDescent="0.4">
      <c r="B717" s="10"/>
      <c r="C717" s="18"/>
      <c r="D717" s="17" t="e">
        <f>VLOOKUP(C717,[1]分類番号!$A$4:$B$1149,2,0)</f>
        <v>#N/A</v>
      </c>
      <c r="E717" s="16"/>
      <c r="G717" s="14"/>
      <c r="H717" s="3"/>
      <c r="I717" s="3"/>
      <c r="J717" s="3"/>
      <c r="K717" s="3"/>
    </row>
    <row r="718" spans="2:11" ht="18" hidden="1" customHeight="1" x14ac:dyDescent="0.4">
      <c r="B718" s="10"/>
      <c r="C718" s="18"/>
      <c r="D718" s="17" t="e">
        <f>VLOOKUP(C718,[1]分類番号!$A$4:$B$1149,2,0)</f>
        <v>#N/A</v>
      </c>
      <c r="E718" s="16"/>
      <c r="G718" s="14"/>
      <c r="H718" s="3"/>
      <c r="I718" s="3"/>
      <c r="J718" s="3"/>
      <c r="K718" s="3"/>
    </row>
    <row r="719" spans="2:11" ht="18" hidden="1" customHeight="1" x14ac:dyDescent="0.4">
      <c r="B719" s="10"/>
      <c r="C719" s="18"/>
      <c r="D719" s="17" t="e">
        <f>VLOOKUP(C719,[1]分類番号!$A$4:$B$1149,2,0)</f>
        <v>#N/A</v>
      </c>
      <c r="E719" s="16"/>
      <c r="G719" s="14"/>
      <c r="H719" s="3"/>
      <c r="I719" s="3"/>
      <c r="J719" s="3"/>
      <c r="K719" s="3"/>
    </row>
    <row r="720" spans="2:11" ht="18" hidden="1" customHeight="1" x14ac:dyDescent="0.4">
      <c r="B720" s="10"/>
      <c r="C720" s="18"/>
      <c r="D720" s="17" t="e">
        <f>VLOOKUP(C720,[1]分類番号!$A$4:$B$1149,2,0)</f>
        <v>#N/A</v>
      </c>
      <c r="E720" s="16"/>
      <c r="G720" s="14"/>
      <c r="H720" s="3"/>
      <c r="I720" s="3"/>
      <c r="J720" s="3"/>
      <c r="K720" s="3"/>
    </row>
    <row r="721" spans="2:11" ht="18" hidden="1" customHeight="1" x14ac:dyDescent="0.4">
      <c r="B721" s="10"/>
      <c r="C721" s="18"/>
      <c r="D721" s="17" t="e">
        <f>VLOOKUP(C721,[1]分類番号!$A$4:$B$1149,2,0)</f>
        <v>#N/A</v>
      </c>
      <c r="E721" s="16"/>
      <c r="G721" s="14"/>
      <c r="H721" s="3"/>
      <c r="I721" s="3"/>
      <c r="J721" s="3"/>
      <c r="K721" s="3"/>
    </row>
    <row r="722" spans="2:11" ht="18" hidden="1" customHeight="1" x14ac:dyDescent="0.4">
      <c r="B722" s="10"/>
      <c r="C722" s="18"/>
      <c r="D722" s="17" t="e">
        <f>VLOOKUP(C722,[1]分類番号!$A$4:$B$1149,2,0)</f>
        <v>#N/A</v>
      </c>
      <c r="E722" s="16"/>
      <c r="G722" s="14"/>
      <c r="H722" s="3"/>
      <c r="I722" s="3"/>
      <c r="J722" s="3"/>
      <c r="K722" s="3"/>
    </row>
    <row r="723" spans="2:11" ht="18" hidden="1" customHeight="1" x14ac:dyDescent="0.4">
      <c r="B723" s="10"/>
      <c r="C723" s="18"/>
      <c r="D723" s="17" t="e">
        <f>VLOOKUP(C723,[1]分類番号!$A$4:$B$1149,2,0)</f>
        <v>#N/A</v>
      </c>
      <c r="E723" s="16"/>
      <c r="G723" s="14"/>
      <c r="H723" s="3"/>
      <c r="I723" s="3"/>
      <c r="J723" s="3"/>
      <c r="K723" s="3"/>
    </row>
    <row r="724" spans="2:11" ht="18" hidden="1" customHeight="1" x14ac:dyDescent="0.4">
      <c r="B724" s="10"/>
      <c r="C724" s="18"/>
      <c r="D724" s="17" t="e">
        <f>VLOOKUP(C724,[1]分類番号!$A$4:$B$1149,2,0)</f>
        <v>#N/A</v>
      </c>
      <c r="E724" s="16"/>
      <c r="G724" s="14"/>
      <c r="H724" s="3"/>
      <c r="I724" s="3"/>
      <c r="J724" s="3"/>
      <c r="K724" s="3"/>
    </row>
    <row r="725" spans="2:11" ht="18" hidden="1" customHeight="1" x14ac:dyDescent="0.4">
      <c r="B725" s="10"/>
      <c r="C725" s="18"/>
      <c r="D725" s="17" t="e">
        <f>VLOOKUP(C725,[1]分類番号!$A$4:$B$1149,2,0)</f>
        <v>#N/A</v>
      </c>
      <c r="E725" s="16"/>
      <c r="G725" s="14"/>
      <c r="H725" s="3"/>
      <c r="I725" s="3"/>
      <c r="J725" s="3"/>
      <c r="K725" s="3"/>
    </row>
    <row r="726" spans="2:11" ht="18" hidden="1" customHeight="1" x14ac:dyDescent="0.4">
      <c r="B726" s="10"/>
      <c r="C726" s="18"/>
      <c r="D726" s="17" t="e">
        <f>VLOOKUP(C726,[1]分類番号!$A$4:$B$1149,2,0)</f>
        <v>#N/A</v>
      </c>
      <c r="E726" s="16"/>
      <c r="G726" s="14"/>
      <c r="H726" s="3"/>
      <c r="I726" s="3"/>
      <c r="J726" s="3"/>
      <c r="K726" s="3"/>
    </row>
    <row r="727" spans="2:11" ht="18" hidden="1" customHeight="1" x14ac:dyDescent="0.4">
      <c r="B727" s="10"/>
      <c r="C727" s="18"/>
      <c r="D727" s="17" t="e">
        <f>VLOOKUP(C727,[1]分類番号!$A$4:$B$1149,2,0)</f>
        <v>#N/A</v>
      </c>
      <c r="E727" s="16"/>
      <c r="G727" s="14"/>
      <c r="H727" s="3"/>
      <c r="I727" s="3"/>
      <c r="J727" s="3"/>
      <c r="K727" s="3"/>
    </row>
    <row r="728" spans="2:11" ht="18" hidden="1" customHeight="1" x14ac:dyDescent="0.4">
      <c r="B728" s="10"/>
      <c r="C728" s="18"/>
      <c r="D728" s="17" t="e">
        <f>VLOOKUP(C728,[1]分類番号!$A$4:$B$1149,2,0)</f>
        <v>#N/A</v>
      </c>
      <c r="E728" s="16"/>
      <c r="G728" s="14"/>
      <c r="H728" s="3"/>
      <c r="I728" s="3"/>
      <c r="J728" s="3"/>
      <c r="K728" s="3"/>
    </row>
    <row r="729" spans="2:11" ht="18" hidden="1" customHeight="1" x14ac:dyDescent="0.4">
      <c r="B729" s="10"/>
      <c r="C729" s="18"/>
      <c r="D729" s="17" t="e">
        <f>VLOOKUP(C729,[1]分類番号!$A$4:$B$1149,2,0)</f>
        <v>#N/A</v>
      </c>
      <c r="E729" s="16"/>
      <c r="G729" s="14"/>
      <c r="H729" s="3"/>
      <c r="I729" s="3"/>
      <c r="J729" s="3"/>
      <c r="K729" s="3"/>
    </row>
    <row r="730" spans="2:11" ht="18" hidden="1" customHeight="1" x14ac:dyDescent="0.4">
      <c r="B730" s="10"/>
      <c r="C730" s="18"/>
      <c r="D730" s="17" t="e">
        <f>VLOOKUP(C730,[1]分類番号!$A$4:$B$1149,2,0)</f>
        <v>#N/A</v>
      </c>
      <c r="E730" s="16"/>
      <c r="G730" s="14"/>
      <c r="H730" s="3"/>
      <c r="I730" s="3"/>
      <c r="J730" s="3"/>
      <c r="K730" s="3"/>
    </row>
    <row r="731" spans="2:11" ht="18" hidden="1" customHeight="1" x14ac:dyDescent="0.4">
      <c r="B731" s="10"/>
      <c r="C731" s="18"/>
      <c r="D731" s="17" t="e">
        <f>VLOOKUP(C731,[1]分類番号!$A$4:$B$1149,2,0)</f>
        <v>#N/A</v>
      </c>
      <c r="E731" s="16"/>
      <c r="G731" s="14"/>
      <c r="H731" s="3"/>
      <c r="I731" s="3"/>
      <c r="J731" s="3"/>
      <c r="K731" s="3"/>
    </row>
    <row r="732" spans="2:11" ht="18" hidden="1" customHeight="1" x14ac:dyDescent="0.4">
      <c r="B732" s="10"/>
      <c r="C732" s="18"/>
      <c r="D732" s="17" t="e">
        <f>VLOOKUP(C732,[1]分類番号!$A$4:$B$1149,2,0)</f>
        <v>#N/A</v>
      </c>
      <c r="E732" s="16"/>
      <c r="G732" s="14"/>
      <c r="H732" s="3"/>
      <c r="I732" s="3"/>
      <c r="J732" s="3"/>
      <c r="K732" s="3"/>
    </row>
    <row r="733" spans="2:11" ht="18" hidden="1" customHeight="1" x14ac:dyDescent="0.4">
      <c r="B733" s="10"/>
      <c r="C733" s="18"/>
      <c r="D733" s="17" t="e">
        <f>VLOOKUP(C733,[1]分類番号!$A$4:$B$1149,2,0)</f>
        <v>#N/A</v>
      </c>
      <c r="E733" s="16"/>
      <c r="G733" s="14"/>
      <c r="H733" s="3"/>
      <c r="I733" s="3"/>
      <c r="J733" s="3"/>
      <c r="K733" s="3"/>
    </row>
    <row r="734" spans="2:11" ht="18" hidden="1" customHeight="1" x14ac:dyDescent="0.4">
      <c r="B734" s="10"/>
      <c r="C734" s="18"/>
      <c r="D734" s="17" t="e">
        <f>VLOOKUP(C734,[1]分類番号!$A$4:$B$1149,2,0)</f>
        <v>#N/A</v>
      </c>
      <c r="E734" s="16"/>
      <c r="G734" s="14"/>
      <c r="H734" s="3"/>
      <c r="I734" s="3"/>
      <c r="J734" s="3"/>
      <c r="K734" s="3"/>
    </row>
    <row r="735" spans="2:11" ht="18" hidden="1" customHeight="1" x14ac:dyDescent="0.4">
      <c r="B735" s="10"/>
      <c r="C735" s="18"/>
      <c r="D735" s="17" t="e">
        <f>VLOOKUP(C735,[1]分類番号!$A$4:$B$1149,2,0)</f>
        <v>#N/A</v>
      </c>
      <c r="E735" s="16"/>
      <c r="G735" s="14"/>
      <c r="H735" s="3"/>
      <c r="I735" s="3"/>
      <c r="J735" s="3"/>
      <c r="K735" s="3"/>
    </row>
    <row r="736" spans="2:11" ht="18" hidden="1" customHeight="1" x14ac:dyDescent="0.4">
      <c r="B736" s="10"/>
      <c r="C736" s="18"/>
      <c r="D736" s="17" t="e">
        <f>VLOOKUP(C736,[1]分類番号!$A$4:$B$1149,2,0)</f>
        <v>#N/A</v>
      </c>
      <c r="E736" s="16"/>
      <c r="G736" s="14"/>
      <c r="H736" s="3"/>
      <c r="I736" s="3"/>
      <c r="J736" s="3"/>
      <c r="K736" s="3"/>
    </row>
    <row r="737" spans="2:11" ht="18" hidden="1" customHeight="1" x14ac:dyDescent="0.4">
      <c r="B737" s="10"/>
      <c r="C737" s="18"/>
      <c r="D737" s="17" t="e">
        <f>VLOOKUP(C737,[1]分類番号!$A$4:$B$1149,2,0)</f>
        <v>#N/A</v>
      </c>
      <c r="E737" s="16"/>
      <c r="G737" s="14"/>
      <c r="H737" s="3"/>
      <c r="I737" s="3"/>
      <c r="J737" s="3"/>
      <c r="K737" s="3"/>
    </row>
    <row r="738" spans="2:11" ht="18" hidden="1" customHeight="1" x14ac:dyDescent="0.4">
      <c r="B738" s="10"/>
      <c r="C738" s="18"/>
      <c r="D738" s="17" t="e">
        <f>VLOOKUP(C738,[1]分類番号!$A$4:$B$1149,2,0)</f>
        <v>#N/A</v>
      </c>
      <c r="E738" s="16"/>
      <c r="G738" s="14"/>
      <c r="H738" s="3"/>
      <c r="I738" s="3"/>
      <c r="J738" s="3"/>
      <c r="K738" s="3"/>
    </row>
    <row r="739" spans="2:11" ht="18" hidden="1" customHeight="1" x14ac:dyDescent="0.4">
      <c r="B739" s="10"/>
      <c r="C739" s="18"/>
      <c r="D739" s="17" t="e">
        <f>VLOOKUP(C739,[1]分類番号!$A$4:$B$1149,2,0)</f>
        <v>#N/A</v>
      </c>
      <c r="E739" s="16"/>
      <c r="G739" s="14"/>
      <c r="H739" s="3"/>
      <c r="I739" s="3"/>
      <c r="J739" s="3"/>
      <c r="K739" s="3"/>
    </row>
    <row r="740" spans="2:11" ht="18" hidden="1" customHeight="1" x14ac:dyDescent="0.4">
      <c r="B740" s="10"/>
      <c r="C740" s="18"/>
      <c r="D740" s="17" t="e">
        <f>VLOOKUP(C740,[1]分類番号!$A$4:$B$1149,2,0)</f>
        <v>#N/A</v>
      </c>
      <c r="E740" s="16"/>
      <c r="G740" s="14"/>
      <c r="H740" s="3"/>
      <c r="I740" s="3"/>
      <c r="J740" s="3"/>
      <c r="K740" s="3"/>
    </row>
    <row r="741" spans="2:11" ht="18" hidden="1" customHeight="1" x14ac:dyDescent="0.4">
      <c r="B741" s="10"/>
      <c r="C741" s="18"/>
      <c r="D741" s="17" t="e">
        <f>VLOOKUP(C741,[1]分類番号!$A$4:$B$1149,2,0)</f>
        <v>#N/A</v>
      </c>
      <c r="E741" s="16"/>
      <c r="G741" s="14"/>
      <c r="H741" s="3"/>
      <c r="I741" s="3"/>
      <c r="J741" s="3"/>
      <c r="K741" s="3"/>
    </row>
    <row r="742" spans="2:11" ht="18" hidden="1" customHeight="1" x14ac:dyDescent="0.4">
      <c r="B742" s="10"/>
      <c r="C742" s="18"/>
      <c r="D742" s="17" t="e">
        <f>VLOOKUP(C742,[1]分類番号!$A$4:$B$1149,2,0)</f>
        <v>#N/A</v>
      </c>
      <c r="E742" s="16"/>
      <c r="G742" s="14"/>
      <c r="H742" s="3"/>
      <c r="I742" s="3"/>
      <c r="J742" s="3"/>
      <c r="K742" s="3"/>
    </row>
    <row r="743" spans="2:11" ht="18" hidden="1" customHeight="1" x14ac:dyDescent="0.4">
      <c r="B743" s="10"/>
      <c r="C743" s="18"/>
      <c r="D743" s="17" t="e">
        <f>VLOOKUP(C743,[1]分類番号!$A$4:$B$1149,2,0)</f>
        <v>#N/A</v>
      </c>
      <c r="E743" s="16"/>
      <c r="G743" s="14"/>
      <c r="H743" s="3"/>
      <c r="I743" s="3"/>
      <c r="J743" s="3"/>
      <c r="K743" s="3"/>
    </row>
    <row r="744" spans="2:11" ht="18" hidden="1" customHeight="1" x14ac:dyDescent="0.4">
      <c r="B744" s="10"/>
      <c r="C744" s="18"/>
      <c r="D744" s="17" t="e">
        <f>VLOOKUP(C744,[1]分類番号!$A$4:$B$1149,2,0)</f>
        <v>#N/A</v>
      </c>
      <c r="E744" s="16"/>
      <c r="G744" s="14"/>
      <c r="H744" s="3"/>
      <c r="I744" s="3"/>
      <c r="J744" s="3"/>
      <c r="K744" s="3"/>
    </row>
    <row r="745" spans="2:11" ht="18" hidden="1" customHeight="1" x14ac:dyDescent="0.4">
      <c r="B745" s="10"/>
      <c r="C745" s="18"/>
      <c r="D745" s="17" t="e">
        <f>VLOOKUP(C745,[1]分類番号!$A$4:$B$1149,2,0)</f>
        <v>#N/A</v>
      </c>
      <c r="E745" s="16"/>
      <c r="G745" s="14"/>
      <c r="H745" s="3"/>
      <c r="I745" s="3"/>
      <c r="J745" s="3"/>
      <c r="K745" s="3"/>
    </row>
    <row r="746" spans="2:11" ht="18" hidden="1" customHeight="1" x14ac:dyDescent="0.4">
      <c r="B746" s="10"/>
      <c r="C746" s="18"/>
      <c r="D746" s="17" t="e">
        <f>VLOOKUP(C746,[1]分類番号!$A$4:$B$1149,2,0)</f>
        <v>#N/A</v>
      </c>
      <c r="E746" s="16"/>
      <c r="G746" s="14"/>
      <c r="H746" s="3"/>
      <c r="I746" s="3"/>
      <c r="J746" s="3"/>
      <c r="K746" s="3"/>
    </row>
    <row r="747" spans="2:11" ht="18" hidden="1" customHeight="1" x14ac:dyDescent="0.4">
      <c r="B747" s="10"/>
      <c r="C747" s="18"/>
      <c r="D747" s="17" t="e">
        <f>VLOOKUP(C747,[1]分類番号!$A$4:$B$1149,2,0)</f>
        <v>#N/A</v>
      </c>
      <c r="E747" s="16"/>
      <c r="G747" s="14"/>
      <c r="H747" s="3"/>
      <c r="I747" s="3"/>
      <c r="J747" s="3"/>
      <c r="K747" s="3"/>
    </row>
    <row r="748" spans="2:11" ht="18" hidden="1" customHeight="1" x14ac:dyDescent="0.4">
      <c r="B748" s="10"/>
      <c r="C748" s="18"/>
      <c r="D748" s="17" t="e">
        <f>VLOOKUP(C748,[1]分類番号!$A$4:$B$1149,2,0)</f>
        <v>#N/A</v>
      </c>
      <c r="E748" s="16"/>
      <c r="G748" s="14"/>
      <c r="H748" s="3"/>
      <c r="I748" s="3"/>
      <c r="J748" s="3"/>
      <c r="K748" s="3"/>
    </row>
    <row r="749" spans="2:11" ht="18" hidden="1" customHeight="1" x14ac:dyDescent="0.4">
      <c r="B749" s="10"/>
      <c r="C749" s="18"/>
      <c r="D749" s="17" t="e">
        <f>VLOOKUP(C749,[1]分類番号!$A$4:$B$1149,2,0)</f>
        <v>#N/A</v>
      </c>
      <c r="E749" s="16"/>
      <c r="G749" s="14"/>
      <c r="H749" s="3"/>
      <c r="I749" s="3"/>
      <c r="J749" s="3"/>
      <c r="K749" s="3"/>
    </row>
    <row r="750" spans="2:11" ht="18" hidden="1" customHeight="1" x14ac:dyDescent="0.4">
      <c r="B750" s="10"/>
      <c r="C750" s="18"/>
      <c r="D750" s="17" t="e">
        <f>VLOOKUP(C750,[1]分類番号!$A$4:$B$1149,2,0)</f>
        <v>#N/A</v>
      </c>
      <c r="E750" s="16"/>
      <c r="G750" s="14"/>
      <c r="H750" s="3"/>
      <c r="I750" s="3"/>
      <c r="J750" s="3"/>
      <c r="K750" s="3"/>
    </row>
    <row r="751" spans="2:11" ht="18" hidden="1" customHeight="1" x14ac:dyDescent="0.4">
      <c r="B751" s="10"/>
      <c r="C751" s="18"/>
      <c r="D751" s="17" t="e">
        <f>VLOOKUP(C751,[1]分類番号!$A$4:$B$1149,2,0)</f>
        <v>#N/A</v>
      </c>
      <c r="E751" s="16"/>
      <c r="G751" s="14"/>
      <c r="H751" s="3"/>
      <c r="I751" s="3"/>
      <c r="J751" s="3"/>
      <c r="K751" s="3"/>
    </row>
    <row r="752" spans="2:11" ht="18" hidden="1" customHeight="1" x14ac:dyDescent="0.4">
      <c r="B752" s="10"/>
      <c r="C752" s="18"/>
      <c r="D752" s="17" t="e">
        <f>VLOOKUP(C752,[1]分類番号!$A$4:$B$1149,2,0)</f>
        <v>#N/A</v>
      </c>
      <c r="E752" s="16"/>
      <c r="G752" s="14"/>
      <c r="H752" s="3"/>
      <c r="I752" s="3"/>
      <c r="J752" s="3"/>
      <c r="K752" s="3"/>
    </row>
    <row r="753" spans="2:11" ht="18" hidden="1" customHeight="1" x14ac:dyDescent="0.4">
      <c r="B753" s="10"/>
      <c r="C753" s="18"/>
      <c r="D753" s="17" t="e">
        <f>VLOOKUP(C753,[1]分類番号!$A$4:$B$1149,2,0)</f>
        <v>#N/A</v>
      </c>
      <c r="E753" s="16"/>
      <c r="G753" s="14"/>
      <c r="H753" s="3"/>
      <c r="I753" s="3"/>
      <c r="J753" s="3"/>
      <c r="K753" s="3"/>
    </row>
    <row r="754" spans="2:11" ht="18" hidden="1" customHeight="1" x14ac:dyDescent="0.4">
      <c r="B754" s="10"/>
      <c r="C754" s="18"/>
      <c r="D754" s="17" t="e">
        <f>VLOOKUP(C754,[1]分類番号!$A$4:$B$1149,2,0)</f>
        <v>#N/A</v>
      </c>
      <c r="E754" s="16"/>
      <c r="G754" s="14"/>
      <c r="H754" s="3"/>
      <c r="I754" s="3"/>
      <c r="J754" s="3"/>
      <c r="K754" s="3"/>
    </row>
    <row r="755" spans="2:11" ht="18" hidden="1" customHeight="1" x14ac:dyDescent="0.4">
      <c r="B755" s="10"/>
      <c r="C755" s="18"/>
      <c r="D755" s="17" t="e">
        <f>VLOOKUP(C755,[1]分類番号!$A$4:$B$1149,2,0)</f>
        <v>#N/A</v>
      </c>
      <c r="E755" s="16"/>
      <c r="G755" s="14"/>
      <c r="H755" s="3"/>
      <c r="I755" s="3"/>
      <c r="J755" s="3"/>
      <c r="K755" s="3"/>
    </row>
    <row r="756" spans="2:11" ht="18" hidden="1" customHeight="1" x14ac:dyDescent="0.4">
      <c r="B756" s="10"/>
      <c r="C756" s="18"/>
      <c r="D756" s="17" t="e">
        <f>VLOOKUP(C756,[1]分類番号!$A$4:$B$1149,2,0)</f>
        <v>#N/A</v>
      </c>
      <c r="E756" s="16"/>
      <c r="G756" s="14"/>
      <c r="H756" s="3"/>
      <c r="I756" s="3"/>
      <c r="J756" s="3"/>
      <c r="K756" s="3"/>
    </row>
    <row r="757" spans="2:11" ht="18" hidden="1" customHeight="1" x14ac:dyDescent="0.4">
      <c r="B757" s="10"/>
      <c r="C757" s="18"/>
      <c r="D757" s="17" t="e">
        <f>VLOOKUP(C757,[1]分類番号!$A$4:$B$1149,2,0)</f>
        <v>#N/A</v>
      </c>
      <c r="E757" s="16"/>
      <c r="G757" s="14"/>
      <c r="H757" s="3"/>
      <c r="I757" s="3"/>
      <c r="J757" s="3"/>
      <c r="K757" s="3"/>
    </row>
    <row r="758" spans="2:11" ht="18" hidden="1" customHeight="1" x14ac:dyDescent="0.4">
      <c r="B758" s="10"/>
      <c r="C758" s="18"/>
      <c r="D758" s="17" t="e">
        <f>VLOOKUP(C758,[1]分類番号!$A$4:$B$1149,2,0)</f>
        <v>#N/A</v>
      </c>
      <c r="E758" s="16"/>
      <c r="G758" s="14"/>
      <c r="H758" s="3"/>
      <c r="I758" s="3"/>
      <c r="J758" s="3"/>
      <c r="K758" s="3"/>
    </row>
    <row r="759" spans="2:11" ht="18" hidden="1" customHeight="1" x14ac:dyDescent="0.4">
      <c r="B759" s="10"/>
      <c r="C759" s="18"/>
      <c r="D759" s="17" t="e">
        <f>VLOOKUP(C759,[1]分類番号!$A$4:$B$1149,2,0)</f>
        <v>#N/A</v>
      </c>
      <c r="E759" s="16"/>
      <c r="G759" s="14"/>
      <c r="H759" s="3"/>
      <c r="I759" s="3"/>
      <c r="J759" s="3"/>
      <c r="K759" s="3"/>
    </row>
    <row r="760" spans="2:11" ht="18" hidden="1" customHeight="1" x14ac:dyDescent="0.4">
      <c r="B760" s="10"/>
      <c r="C760" s="18"/>
      <c r="D760" s="17" t="e">
        <f>VLOOKUP(C760,[1]分類番号!$A$4:$B$1149,2,0)</f>
        <v>#N/A</v>
      </c>
      <c r="E760" s="16"/>
      <c r="G760" s="14"/>
      <c r="H760" s="3"/>
      <c r="I760" s="3"/>
      <c r="J760" s="3"/>
      <c r="K760" s="3"/>
    </row>
    <row r="761" spans="2:11" ht="18" hidden="1" customHeight="1" x14ac:dyDescent="0.4">
      <c r="B761" s="10"/>
      <c r="C761" s="18"/>
      <c r="D761" s="17" t="e">
        <f>VLOOKUP(C761,[1]分類番号!$A$4:$B$1149,2,0)</f>
        <v>#N/A</v>
      </c>
      <c r="E761" s="16"/>
      <c r="G761" s="14"/>
      <c r="H761" s="3"/>
      <c r="I761" s="3"/>
      <c r="J761" s="3"/>
      <c r="K761" s="3"/>
    </row>
    <row r="762" spans="2:11" ht="18" hidden="1" customHeight="1" x14ac:dyDescent="0.4">
      <c r="B762" s="10"/>
      <c r="C762" s="18"/>
      <c r="D762" s="17" t="e">
        <f>VLOOKUP(C762,[1]分類番号!$A$4:$B$1149,2,0)</f>
        <v>#N/A</v>
      </c>
      <c r="E762" s="16"/>
      <c r="G762" s="14"/>
      <c r="H762" s="3"/>
      <c r="I762" s="3"/>
      <c r="J762" s="3"/>
      <c r="K762" s="3"/>
    </row>
    <row r="763" spans="2:11" ht="18" hidden="1" customHeight="1" x14ac:dyDescent="0.4">
      <c r="B763" s="10"/>
      <c r="C763" s="18"/>
      <c r="D763" s="17" t="e">
        <f>VLOOKUP(C763,[1]分類番号!$A$4:$B$1149,2,0)</f>
        <v>#N/A</v>
      </c>
      <c r="E763" s="16"/>
      <c r="G763" s="14"/>
      <c r="H763" s="3"/>
      <c r="I763" s="3"/>
      <c r="J763" s="3"/>
      <c r="K763" s="3"/>
    </row>
    <row r="764" spans="2:11" ht="18" hidden="1" customHeight="1" x14ac:dyDescent="0.4">
      <c r="B764" s="10"/>
      <c r="C764" s="18"/>
      <c r="D764" s="17" t="e">
        <f>VLOOKUP(C764,[1]分類番号!$A$4:$B$1149,2,0)</f>
        <v>#N/A</v>
      </c>
      <c r="E764" s="16"/>
      <c r="G764" s="14"/>
      <c r="H764" s="3"/>
      <c r="I764" s="3"/>
      <c r="J764" s="3"/>
      <c r="K764" s="3"/>
    </row>
    <row r="765" spans="2:11" ht="18" hidden="1" customHeight="1" x14ac:dyDescent="0.4">
      <c r="B765" s="10"/>
      <c r="C765" s="18"/>
      <c r="D765" s="17" t="e">
        <f>VLOOKUP(C765,[1]分類番号!$A$4:$B$1149,2,0)</f>
        <v>#N/A</v>
      </c>
      <c r="E765" s="16"/>
      <c r="G765" s="14"/>
      <c r="H765" s="3"/>
      <c r="I765" s="3"/>
      <c r="J765" s="3"/>
      <c r="K765" s="3"/>
    </row>
    <row r="766" spans="2:11" ht="18" hidden="1" customHeight="1" x14ac:dyDescent="0.4">
      <c r="B766" s="10"/>
      <c r="C766" s="18"/>
      <c r="D766" s="17" t="e">
        <f>VLOOKUP(C766,[1]分類番号!$A$4:$B$1149,2,0)</f>
        <v>#N/A</v>
      </c>
      <c r="E766" s="16"/>
      <c r="G766" s="14"/>
      <c r="H766" s="3"/>
      <c r="I766" s="3"/>
      <c r="J766" s="3"/>
      <c r="K766" s="3"/>
    </row>
    <row r="767" spans="2:11" ht="18" hidden="1" customHeight="1" x14ac:dyDescent="0.4">
      <c r="B767" s="10"/>
      <c r="C767" s="18"/>
      <c r="D767" s="17" t="e">
        <f>VLOOKUP(C767,[1]分類番号!$A$4:$B$1149,2,0)</f>
        <v>#N/A</v>
      </c>
      <c r="E767" s="16"/>
      <c r="G767" s="14"/>
      <c r="H767" s="3"/>
      <c r="I767" s="3"/>
      <c r="J767" s="3"/>
      <c r="K767" s="3"/>
    </row>
    <row r="768" spans="2:11" ht="18" hidden="1" customHeight="1" x14ac:dyDescent="0.4">
      <c r="B768" s="10"/>
      <c r="C768" s="18"/>
      <c r="D768" s="17" t="e">
        <f>VLOOKUP(C768,[1]分類番号!$A$4:$B$1149,2,0)</f>
        <v>#N/A</v>
      </c>
      <c r="E768" s="16"/>
      <c r="G768" s="14"/>
      <c r="H768" s="3"/>
      <c r="I768" s="3"/>
      <c r="J768" s="3"/>
      <c r="K768" s="3"/>
    </row>
    <row r="769" spans="2:11" ht="18" hidden="1" customHeight="1" x14ac:dyDescent="0.4">
      <c r="B769" s="10"/>
      <c r="C769" s="18"/>
      <c r="D769" s="17" t="e">
        <f>VLOOKUP(C769,[1]分類番号!$A$4:$B$1149,2,0)</f>
        <v>#N/A</v>
      </c>
      <c r="E769" s="16"/>
      <c r="G769" s="14"/>
      <c r="H769" s="3"/>
      <c r="I769" s="3"/>
      <c r="J769" s="3"/>
      <c r="K769" s="3"/>
    </row>
    <row r="770" spans="2:11" ht="18" hidden="1" customHeight="1" x14ac:dyDescent="0.4">
      <c r="B770" s="10"/>
      <c r="C770" s="18"/>
      <c r="D770" s="17" t="e">
        <f>VLOOKUP(C770,[1]分類番号!$A$4:$B$1149,2,0)</f>
        <v>#N/A</v>
      </c>
      <c r="E770" s="16"/>
      <c r="G770" s="14"/>
      <c r="H770" s="3"/>
      <c r="I770" s="3"/>
      <c r="J770" s="3"/>
      <c r="K770" s="3"/>
    </row>
    <row r="771" spans="2:11" ht="18" hidden="1" customHeight="1" x14ac:dyDescent="0.4">
      <c r="B771" s="10"/>
      <c r="C771" s="18"/>
      <c r="D771" s="17" t="e">
        <f>VLOOKUP(C771,[1]分類番号!$A$4:$B$1149,2,0)</f>
        <v>#N/A</v>
      </c>
      <c r="E771" s="16"/>
      <c r="G771" s="14"/>
      <c r="H771" s="3"/>
      <c r="I771" s="3"/>
      <c r="J771" s="3"/>
      <c r="K771" s="3"/>
    </row>
    <row r="772" spans="2:11" ht="18" hidden="1" customHeight="1" x14ac:dyDescent="0.4">
      <c r="B772" s="10"/>
      <c r="C772" s="18"/>
      <c r="D772" s="17" t="e">
        <f>VLOOKUP(C772,[1]分類番号!$A$4:$B$1149,2,0)</f>
        <v>#N/A</v>
      </c>
      <c r="E772" s="16"/>
      <c r="G772" s="14"/>
      <c r="H772" s="3"/>
      <c r="I772" s="3"/>
      <c r="J772" s="3"/>
      <c r="K772" s="3"/>
    </row>
    <row r="773" spans="2:11" ht="18" hidden="1" customHeight="1" x14ac:dyDescent="0.4">
      <c r="B773" s="10"/>
      <c r="C773" s="18"/>
      <c r="D773" s="17" t="e">
        <f>VLOOKUP(C773,[1]分類番号!$A$4:$B$1149,2,0)</f>
        <v>#N/A</v>
      </c>
      <c r="E773" s="16"/>
      <c r="G773" s="14"/>
      <c r="H773" s="3"/>
      <c r="I773" s="3"/>
      <c r="J773" s="3"/>
      <c r="K773" s="3"/>
    </row>
    <row r="774" spans="2:11" ht="18" hidden="1" customHeight="1" x14ac:dyDescent="0.4">
      <c r="B774" s="10"/>
      <c r="C774" s="18"/>
      <c r="D774" s="17" t="e">
        <f>VLOOKUP(C774,[1]分類番号!$A$4:$B$1149,2,0)</f>
        <v>#N/A</v>
      </c>
      <c r="E774" s="16"/>
      <c r="G774" s="14"/>
      <c r="H774" s="3"/>
      <c r="I774" s="3"/>
      <c r="J774" s="3"/>
      <c r="K774" s="3"/>
    </row>
    <row r="775" spans="2:11" ht="18" hidden="1" customHeight="1" x14ac:dyDescent="0.4">
      <c r="B775" s="10"/>
      <c r="C775" s="18"/>
      <c r="D775" s="17" t="e">
        <f>VLOOKUP(C775,[1]分類番号!$A$4:$B$1149,2,0)</f>
        <v>#N/A</v>
      </c>
      <c r="E775" s="16"/>
      <c r="G775" s="14"/>
      <c r="H775" s="3"/>
      <c r="I775" s="3"/>
      <c r="J775" s="3"/>
      <c r="K775" s="3"/>
    </row>
    <row r="776" spans="2:11" ht="18" hidden="1" customHeight="1" x14ac:dyDescent="0.4">
      <c r="B776" s="10"/>
      <c r="C776" s="18"/>
      <c r="D776" s="17" t="e">
        <f>VLOOKUP(C776,[1]分類番号!$A$4:$B$1149,2,0)</f>
        <v>#N/A</v>
      </c>
      <c r="E776" s="16"/>
      <c r="G776" s="14"/>
      <c r="H776" s="3"/>
      <c r="I776" s="3"/>
      <c r="J776" s="3"/>
      <c r="K776" s="3"/>
    </row>
    <row r="777" spans="2:11" ht="18" hidden="1" customHeight="1" x14ac:dyDescent="0.4">
      <c r="B777" s="10"/>
      <c r="C777" s="18"/>
      <c r="D777" s="17" t="e">
        <f>VLOOKUP(C777,[1]分類番号!$A$4:$B$1149,2,0)</f>
        <v>#N/A</v>
      </c>
      <c r="E777" s="16"/>
      <c r="G777" s="14"/>
      <c r="H777" s="3"/>
      <c r="I777" s="3"/>
      <c r="J777" s="3"/>
      <c r="K777" s="3"/>
    </row>
    <row r="778" spans="2:11" ht="18" hidden="1" customHeight="1" x14ac:dyDescent="0.4">
      <c r="B778" s="10"/>
      <c r="C778" s="18"/>
      <c r="D778" s="17" t="e">
        <f>VLOOKUP(C778,[1]分類番号!$A$4:$B$1149,2,0)</f>
        <v>#N/A</v>
      </c>
      <c r="E778" s="16"/>
      <c r="G778" s="14"/>
      <c r="H778" s="3"/>
      <c r="I778" s="3"/>
      <c r="J778" s="3"/>
      <c r="K778" s="3"/>
    </row>
    <row r="779" spans="2:11" ht="18" hidden="1" customHeight="1" x14ac:dyDescent="0.4">
      <c r="B779" s="10"/>
      <c r="C779" s="18"/>
      <c r="D779" s="17" t="e">
        <f>VLOOKUP(C779,[1]分類番号!$A$4:$B$1149,2,0)</f>
        <v>#N/A</v>
      </c>
      <c r="E779" s="16"/>
      <c r="G779" s="14"/>
      <c r="H779" s="3"/>
      <c r="I779" s="3"/>
      <c r="J779" s="3"/>
      <c r="K779" s="3"/>
    </row>
    <row r="780" spans="2:11" ht="18" hidden="1" customHeight="1" x14ac:dyDescent="0.4">
      <c r="B780" s="10"/>
      <c r="C780" s="18"/>
      <c r="D780" s="17" t="e">
        <f>VLOOKUP(C780,[1]分類番号!$A$4:$B$1149,2,0)</f>
        <v>#N/A</v>
      </c>
      <c r="E780" s="16"/>
      <c r="G780" s="14"/>
      <c r="H780" s="3"/>
      <c r="I780" s="3"/>
      <c r="J780" s="3"/>
      <c r="K780" s="3"/>
    </row>
    <row r="781" spans="2:11" ht="18" hidden="1" customHeight="1" x14ac:dyDescent="0.4">
      <c r="B781" s="10"/>
      <c r="C781" s="18"/>
      <c r="D781" s="17" t="e">
        <f>VLOOKUP(C781,[1]分類番号!$A$4:$B$1149,2,0)</f>
        <v>#N/A</v>
      </c>
      <c r="E781" s="16"/>
      <c r="G781" s="14"/>
      <c r="H781" s="3"/>
      <c r="I781" s="3"/>
      <c r="J781" s="3"/>
      <c r="K781" s="3"/>
    </row>
    <row r="782" spans="2:11" ht="18" hidden="1" customHeight="1" x14ac:dyDescent="0.4">
      <c r="B782" s="10"/>
      <c r="C782" s="18"/>
      <c r="D782" s="17" t="e">
        <f>VLOOKUP(C782,[1]分類番号!$A$4:$B$1149,2,0)</f>
        <v>#N/A</v>
      </c>
      <c r="E782" s="16"/>
      <c r="G782" s="14"/>
      <c r="H782" s="3"/>
      <c r="I782" s="3"/>
      <c r="J782" s="3"/>
      <c r="K782" s="3"/>
    </row>
    <row r="783" spans="2:11" ht="18" hidden="1" customHeight="1" x14ac:dyDescent="0.4">
      <c r="B783" s="10"/>
      <c r="C783" s="18"/>
      <c r="D783" s="17" t="e">
        <f>VLOOKUP(C783,[1]分類番号!$A$4:$B$1149,2,0)</f>
        <v>#N/A</v>
      </c>
      <c r="E783" s="16"/>
      <c r="G783" s="14"/>
      <c r="H783" s="3"/>
      <c r="I783" s="3"/>
      <c r="J783" s="3"/>
      <c r="K783" s="3"/>
    </row>
    <row r="784" spans="2:11" ht="18" hidden="1" customHeight="1" x14ac:dyDescent="0.4">
      <c r="B784" s="10"/>
      <c r="C784" s="18"/>
      <c r="D784" s="17" t="e">
        <f>VLOOKUP(C784,[1]分類番号!$A$4:$B$1149,2,0)</f>
        <v>#N/A</v>
      </c>
      <c r="E784" s="16"/>
      <c r="G784" s="14"/>
      <c r="H784" s="3"/>
      <c r="I784" s="3"/>
      <c r="J784" s="3"/>
      <c r="K784" s="3"/>
    </row>
    <row r="785" spans="2:11" ht="18" hidden="1" customHeight="1" x14ac:dyDescent="0.4">
      <c r="B785" s="10"/>
      <c r="C785" s="18"/>
      <c r="D785" s="17" t="e">
        <f>VLOOKUP(C785,[1]分類番号!$A$4:$B$1149,2,0)</f>
        <v>#N/A</v>
      </c>
      <c r="E785" s="16"/>
      <c r="G785" s="14"/>
      <c r="H785" s="3"/>
      <c r="I785" s="3"/>
      <c r="J785" s="3"/>
      <c r="K785" s="3"/>
    </row>
    <row r="786" spans="2:11" ht="18" hidden="1" customHeight="1" x14ac:dyDescent="0.4">
      <c r="B786" s="10"/>
      <c r="C786" s="18"/>
      <c r="D786" s="17" t="e">
        <f>VLOOKUP(C786,[1]分類番号!$A$4:$B$1149,2,0)</f>
        <v>#N/A</v>
      </c>
      <c r="E786" s="16"/>
      <c r="G786" s="14"/>
      <c r="H786" s="3"/>
      <c r="I786" s="3"/>
      <c r="J786" s="3"/>
      <c r="K786" s="3"/>
    </row>
    <row r="787" spans="2:11" ht="18" hidden="1" customHeight="1" x14ac:dyDescent="0.4">
      <c r="B787" s="10"/>
      <c r="C787" s="18"/>
      <c r="D787" s="17" t="e">
        <f>VLOOKUP(C787,[1]分類番号!$A$4:$B$1149,2,0)</f>
        <v>#N/A</v>
      </c>
      <c r="E787" s="16"/>
      <c r="G787" s="14"/>
      <c r="H787" s="3"/>
      <c r="I787" s="3"/>
      <c r="J787" s="3"/>
      <c r="K787" s="3"/>
    </row>
    <row r="788" spans="2:11" ht="18" hidden="1" customHeight="1" x14ac:dyDescent="0.4">
      <c r="B788" s="10"/>
      <c r="C788" s="18"/>
      <c r="D788" s="17" t="e">
        <f>VLOOKUP(C788,[1]分類番号!$A$4:$B$1149,2,0)</f>
        <v>#N/A</v>
      </c>
      <c r="E788" s="16"/>
      <c r="G788" s="14"/>
      <c r="H788" s="3"/>
      <c r="I788" s="3"/>
      <c r="J788" s="3"/>
      <c r="K788" s="3"/>
    </row>
    <row r="789" spans="2:11" ht="18" hidden="1" customHeight="1" x14ac:dyDescent="0.4">
      <c r="B789" s="10"/>
      <c r="C789" s="18"/>
      <c r="D789" s="17" t="e">
        <f>VLOOKUP(C789,[1]分類番号!$A$4:$B$1149,2,0)</f>
        <v>#N/A</v>
      </c>
      <c r="E789" s="16"/>
      <c r="G789" s="14"/>
      <c r="H789" s="3"/>
      <c r="I789" s="3"/>
      <c r="J789" s="3"/>
      <c r="K789" s="3"/>
    </row>
    <row r="790" spans="2:11" ht="18" hidden="1" customHeight="1" x14ac:dyDescent="0.4">
      <c r="B790" s="10"/>
      <c r="C790" s="18"/>
      <c r="D790" s="17" t="e">
        <f>VLOOKUP(C790,[1]分類番号!$A$4:$B$1149,2,0)</f>
        <v>#N/A</v>
      </c>
      <c r="E790" s="16"/>
      <c r="G790" s="14"/>
      <c r="H790" s="3"/>
      <c r="I790" s="3"/>
      <c r="J790" s="3"/>
      <c r="K790" s="3"/>
    </row>
    <row r="791" spans="2:11" ht="18" hidden="1" customHeight="1" x14ac:dyDescent="0.4">
      <c r="B791" s="10"/>
      <c r="C791" s="18"/>
      <c r="D791" s="17" t="e">
        <f>VLOOKUP(C791,[1]分類番号!$A$4:$B$1149,2,0)</f>
        <v>#N/A</v>
      </c>
      <c r="E791" s="16"/>
      <c r="G791" s="14"/>
      <c r="H791" s="3"/>
      <c r="I791" s="3"/>
      <c r="J791" s="3"/>
      <c r="K791" s="3"/>
    </row>
    <row r="792" spans="2:11" ht="18" hidden="1" customHeight="1" x14ac:dyDescent="0.4">
      <c r="B792" s="10"/>
      <c r="C792" s="18"/>
      <c r="D792" s="17" t="e">
        <f>VLOOKUP(C792,[1]分類番号!$A$4:$B$1149,2,0)</f>
        <v>#N/A</v>
      </c>
      <c r="E792" s="16"/>
      <c r="G792" s="14"/>
      <c r="H792" s="3"/>
      <c r="I792" s="3"/>
      <c r="J792" s="3"/>
      <c r="K792" s="3"/>
    </row>
    <row r="793" spans="2:11" ht="18" hidden="1" customHeight="1" x14ac:dyDescent="0.4">
      <c r="B793" s="10"/>
      <c r="C793" s="18"/>
      <c r="D793" s="17" t="e">
        <f>VLOOKUP(C793,[1]分類番号!$A$4:$B$1149,2,0)</f>
        <v>#N/A</v>
      </c>
      <c r="E793" s="16"/>
      <c r="G793" s="14"/>
      <c r="H793" s="3"/>
      <c r="I793" s="3"/>
      <c r="J793" s="3"/>
      <c r="K793" s="3"/>
    </row>
    <row r="794" spans="2:11" ht="18" hidden="1" customHeight="1" x14ac:dyDescent="0.4">
      <c r="B794" s="10"/>
      <c r="C794" s="18"/>
      <c r="D794" s="17" t="e">
        <f>VLOOKUP(C794,[1]分類番号!$A$4:$B$1149,2,0)</f>
        <v>#N/A</v>
      </c>
      <c r="E794" s="16"/>
      <c r="G794" s="14"/>
      <c r="H794" s="3"/>
      <c r="I794" s="3"/>
      <c r="J794" s="3"/>
      <c r="K794" s="3"/>
    </row>
    <row r="795" spans="2:11" ht="18" hidden="1" customHeight="1" x14ac:dyDescent="0.4">
      <c r="B795" s="10"/>
      <c r="C795" s="18"/>
      <c r="D795" s="17" t="e">
        <f>VLOOKUP(C795,[1]分類番号!$A$4:$B$1149,2,0)</f>
        <v>#N/A</v>
      </c>
      <c r="E795" s="16"/>
      <c r="G795" s="14"/>
      <c r="H795" s="3"/>
      <c r="I795" s="3"/>
      <c r="J795" s="3"/>
      <c r="K795" s="3"/>
    </row>
    <row r="796" spans="2:11" ht="18" hidden="1" customHeight="1" x14ac:dyDescent="0.4">
      <c r="B796" s="10"/>
      <c r="C796" s="18"/>
      <c r="D796" s="17" t="e">
        <f>VLOOKUP(C796,[1]分類番号!$A$4:$B$1149,2,0)</f>
        <v>#N/A</v>
      </c>
      <c r="E796" s="16"/>
      <c r="G796" s="14"/>
      <c r="H796" s="3"/>
      <c r="I796" s="3"/>
      <c r="J796" s="3"/>
      <c r="K796" s="3"/>
    </row>
    <row r="797" spans="2:11" ht="18" hidden="1" customHeight="1" x14ac:dyDescent="0.4">
      <c r="B797" s="10"/>
      <c r="C797" s="18"/>
      <c r="D797" s="17" t="e">
        <f>VLOOKUP(C797,[1]分類番号!$A$4:$B$1149,2,0)</f>
        <v>#N/A</v>
      </c>
      <c r="E797" s="16"/>
      <c r="G797" s="14"/>
      <c r="H797" s="3"/>
      <c r="I797" s="3"/>
      <c r="J797" s="3"/>
      <c r="K797" s="3"/>
    </row>
    <row r="798" spans="2:11" ht="18" hidden="1" customHeight="1" x14ac:dyDescent="0.4">
      <c r="B798" s="10"/>
      <c r="C798" s="18"/>
      <c r="D798" s="17" t="e">
        <f>VLOOKUP(C798,[1]分類番号!$A$4:$B$1149,2,0)</f>
        <v>#N/A</v>
      </c>
      <c r="E798" s="16"/>
      <c r="G798" s="14"/>
      <c r="H798" s="3"/>
      <c r="I798" s="3"/>
      <c r="J798" s="3"/>
      <c r="K798" s="3"/>
    </row>
    <row r="799" spans="2:11" ht="18" hidden="1" customHeight="1" x14ac:dyDescent="0.4">
      <c r="B799" s="10"/>
      <c r="C799" s="18"/>
      <c r="D799" s="17" t="e">
        <f>VLOOKUP(C799,[1]分類番号!$A$4:$B$1149,2,0)</f>
        <v>#N/A</v>
      </c>
      <c r="E799" s="16"/>
      <c r="G799" s="14"/>
      <c r="H799" s="3"/>
      <c r="I799" s="3"/>
      <c r="J799" s="3"/>
      <c r="K799" s="3"/>
    </row>
    <row r="800" spans="2:11" ht="18" hidden="1" customHeight="1" x14ac:dyDescent="0.4">
      <c r="B800" s="10"/>
      <c r="C800" s="18"/>
      <c r="D800" s="17" t="e">
        <f>VLOOKUP(C800,[1]分類番号!$A$4:$B$1149,2,0)</f>
        <v>#N/A</v>
      </c>
      <c r="E800" s="16"/>
      <c r="G800" s="14"/>
      <c r="H800" s="3"/>
      <c r="I800" s="3"/>
      <c r="J800" s="3"/>
      <c r="K800" s="3"/>
    </row>
    <row r="801" spans="2:11" ht="18" hidden="1" customHeight="1" x14ac:dyDescent="0.4">
      <c r="B801" s="10"/>
      <c r="C801" s="18"/>
      <c r="D801" s="17" t="e">
        <f>VLOOKUP(C801,[1]分類番号!$A$4:$B$1149,2,0)</f>
        <v>#N/A</v>
      </c>
      <c r="E801" s="16"/>
      <c r="G801" s="14"/>
      <c r="H801" s="3"/>
      <c r="I801" s="3"/>
      <c r="J801" s="3"/>
      <c r="K801" s="3"/>
    </row>
    <row r="802" spans="2:11" ht="18" hidden="1" customHeight="1" x14ac:dyDescent="0.4">
      <c r="B802" s="10"/>
      <c r="C802" s="18"/>
      <c r="D802" s="17" t="e">
        <f>VLOOKUP(C802,[1]分類番号!$A$4:$B$1149,2,0)</f>
        <v>#N/A</v>
      </c>
      <c r="E802" s="16"/>
      <c r="G802" s="14"/>
      <c r="H802" s="3"/>
      <c r="I802" s="3"/>
      <c r="J802" s="3"/>
      <c r="K802" s="3"/>
    </row>
    <row r="803" spans="2:11" ht="18" hidden="1" customHeight="1" x14ac:dyDescent="0.4">
      <c r="B803" s="10"/>
      <c r="C803" s="18"/>
      <c r="D803" s="17" t="e">
        <f>VLOOKUP(C803,[1]分類番号!$A$4:$B$1149,2,0)</f>
        <v>#N/A</v>
      </c>
      <c r="E803" s="16"/>
      <c r="G803" s="14"/>
      <c r="H803" s="3"/>
      <c r="I803" s="3"/>
      <c r="J803" s="3"/>
      <c r="K803" s="3"/>
    </row>
    <row r="804" spans="2:11" ht="18" hidden="1" customHeight="1" x14ac:dyDescent="0.4">
      <c r="B804" s="10"/>
      <c r="C804" s="18"/>
      <c r="D804" s="17" t="e">
        <f>VLOOKUP(C804,[1]分類番号!$A$4:$B$1149,2,0)</f>
        <v>#N/A</v>
      </c>
      <c r="E804" s="16"/>
      <c r="G804" s="14"/>
      <c r="H804" s="3"/>
      <c r="I804" s="3"/>
      <c r="J804" s="3"/>
      <c r="K804" s="3"/>
    </row>
    <row r="805" spans="2:11" ht="18" hidden="1" customHeight="1" x14ac:dyDescent="0.4">
      <c r="B805" s="10"/>
      <c r="C805" s="18"/>
      <c r="D805" s="17" t="e">
        <f>VLOOKUP(C805,[1]分類番号!$A$4:$B$1149,2,0)</f>
        <v>#N/A</v>
      </c>
      <c r="E805" s="16"/>
      <c r="G805" s="14"/>
      <c r="H805" s="3"/>
      <c r="I805" s="3"/>
      <c r="J805" s="3"/>
      <c r="K805" s="3"/>
    </row>
    <row r="806" spans="2:11" ht="18" hidden="1" customHeight="1" x14ac:dyDescent="0.4">
      <c r="B806" s="10"/>
      <c r="C806" s="18"/>
      <c r="D806" s="17" t="e">
        <f>VLOOKUP(C806,[1]分類番号!$A$4:$B$1149,2,0)</f>
        <v>#N/A</v>
      </c>
      <c r="E806" s="16"/>
      <c r="G806" s="14"/>
      <c r="H806" s="3"/>
      <c r="I806" s="3"/>
      <c r="J806" s="3"/>
      <c r="K806" s="3"/>
    </row>
    <row r="807" spans="2:11" ht="18" hidden="1" customHeight="1" x14ac:dyDescent="0.4">
      <c r="B807" s="10"/>
      <c r="C807" s="18"/>
      <c r="D807" s="17" t="e">
        <f>VLOOKUP(C807,[1]分類番号!$A$4:$B$1149,2,0)</f>
        <v>#N/A</v>
      </c>
      <c r="E807" s="16"/>
      <c r="G807" s="14"/>
      <c r="H807" s="3"/>
      <c r="I807" s="3"/>
      <c r="J807" s="3"/>
      <c r="K807" s="3"/>
    </row>
    <row r="808" spans="2:11" ht="18" hidden="1" customHeight="1" x14ac:dyDescent="0.4">
      <c r="B808" s="10"/>
      <c r="C808" s="18"/>
      <c r="D808" s="17" t="e">
        <f>VLOOKUP(C808,[1]分類番号!$A$4:$B$1149,2,0)</f>
        <v>#N/A</v>
      </c>
      <c r="E808" s="16"/>
      <c r="G808" s="14"/>
      <c r="H808" s="3"/>
      <c r="I808" s="3"/>
      <c r="J808" s="3"/>
      <c r="K808" s="3"/>
    </row>
    <row r="809" spans="2:11" ht="18" hidden="1" customHeight="1" x14ac:dyDescent="0.4">
      <c r="B809" s="10"/>
      <c r="C809" s="18"/>
      <c r="D809" s="17" t="e">
        <f>VLOOKUP(C809,[1]分類番号!$A$4:$B$1149,2,0)</f>
        <v>#N/A</v>
      </c>
      <c r="E809" s="16"/>
      <c r="G809" s="14"/>
      <c r="H809" s="3"/>
      <c r="I809" s="3"/>
      <c r="J809" s="3"/>
      <c r="K809" s="3"/>
    </row>
    <row r="810" spans="2:11" ht="18" hidden="1" customHeight="1" x14ac:dyDescent="0.4">
      <c r="B810" s="10"/>
      <c r="C810" s="18"/>
      <c r="D810" s="17" t="e">
        <f>VLOOKUP(C810,[1]分類番号!$A$4:$B$1149,2,0)</f>
        <v>#N/A</v>
      </c>
      <c r="E810" s="16"/>
      <c r="G810" s="14"/>
      <c r="H810" s="3"/>
      <c r="I810" s="3"/>
      <c r="J810" s="3"/>
      <c r="K810" s="3"/>
    </row>
    <row r="811" spans="2:11" ht="18" hidden="1" customHeight="1" x14ac:dyDescent="0.4">
      <c r="B811" s="10"/>
      <c r="C811" s="18"/>
      <c r="D811" s="17" t="e">
        <f>VLOOKUP(C811,[1]分類番号!$A$4:$B$1149,2,0)</f>
        <v>#N/A</v>
      </c>
      <c r="E811" s="16"/>
      <c r="G811" s="14"/>
      <c r="H811" s="3"/>
      <c r="I811" s="3"/>
      <c r="J811" s="3"/>
      <c r="K811" s="3"/>
    </row>
    <row r="812" spans="2:11" ht="18" hidden="1" customHeight="1" x14ac:dyDescent="0.4">
      <c r="B812" s="10"/>
      <c r="C812" s="18"/>
      <c r="D812" s="17" t="e">
        <f>VLOOKUP(C812,[1]分類番号!$A$4:$B$1149,2,0)</f>
        <v>#N/A</v>
      </c>
      <c r="E812" s="16"/>
      <c r="G812" s="14"/>
      <c r="H812" s="3"/>
      <c r="I812" s="3"/>
      <c r="J812" s="3"/>
      <c r="K812" s="3"/>
    </row>
    <row r="813" spans="2:11" ht="18" hidden="1" customHeight="1" x14ac:dyDescent="0.4">
      <c r="B813" s="10"/>
      <c r="C813" s="18"/>
      <c r="D813" s="17" t="e">
        <f>VLOOKUP(C813,[1]分類番号!$A$4:$B$1149,2,0)</f>
        <v>#N/A</v>
      </c>
      <c r="E813" s="16"/>
      <c r="G813" s="14"/>
      <c r="H813" s="3"/>
      <c r="I813" s="3"/>
      <c r="J813" s="3"/>
      <c r="K813" s="3"/>
    </row>
    <row r="814" spans="2:11" ht="18" hidden="1" customHeight="1" x14ac:dyDescent="0.4">
      <c r="B814" s="10"/>
      <c r="C814" s="18"/>
      <c r="D814" s="17" t="e">
        <f>VLOOKUP(C814,[1]分類番号!$A$4:$B$1149,2,0)</f>
        <v>#N/A</v>
      </c>
      <c r="E814" s="16"/>
      <c r="G814" s="14"/>
      <c r="H814" s="3"/>
      <c r="I814" s="3"/>
      <c r="J814" s="3"/>
      <c r="K814" s="3"/>
    </row>
    <row r="815" spans="2:11" ht="18" hidden="1" customHeight="1" x14ac:dyDescent="0.4">
      <c r="B815" s="10"/>
      <c r="C815" s="18"/>
      <c r="D815" s="17" t="e">
        <f>VLOOKUP(C815,[1]分類番号!$A$4:$B$1149,2,0)</f>
        <v>#N/A</v>
      </c>
      <c r="E815" s="16"/>
      <c r="G815" s="14"/>
      <c r="H815" s="3"/>
      <c r="I815" s="3"/>
      <c r="J815" s="3"/>
      <c r="K815" s="3"/>
    </row>
    <row r="816" spans="2:11" ht="18" hidden="1" customHeight="1" x14ac:dyDescent="0.4">
      <c r="B816" s="10"/>
      <c r="C816" s="18"/>
      <c r="D816" s="17" t="e">
        <f>VLOOKUP(C816,[1]分類番号!$A$4:$B$1149,2,0)</f>
        <v>#N/A</v>
      </c>
      <c r="E816" s="16"/>
      <c r="G816" s="14"/>
      <c r="H816" s="3"/>
      <c r="I816" s="3"/>
      <c r="J816" s="3"/>
      <c r="K816" s="3"/>
    </row>
    <row r="817" spans="2:11" ht="18" hidden="1" customHeight="1" x14ac:dyDescent="0.4">
      <c r="B817" s="10"/>
      <c r="C817" s="18"/>
      <c r="D817" s="17" t="e">
        <f>VLOOKUP(C817,[1]分類番号!$A$4:$B$1149,2,0)</f>
        <v>#N/A</v>
      </c>
      <c r="E817" s="16"/>
      <c r="G817" s="14"/>
      <c r="H817" s="3"/>
      <c r="I817" s="3"/>
      <c r="J817" s="3"/>
      <c r="K817" s="3"/>
    </row>
    <row r="818" spans="2:11" ht="18" hidden="1" customHeight="1" x14ac:dyDescent="0.4">
      <c r="B818" s="10"/>
      <c r="C818" s="18"/>
      <c r="D818" s="17" t="e">
        <f>VLOOKUP(C818,[1]分類番号!$A$4:$B$1149,2,0)</f>
        <v>#N/A</v>
      </c>
      <c r="E818" s="16"/>
      <c r="G818" s="14"/>
      <c r="H818" s="3"/>
      <c r="I818" s="3"/>
      <c r="J818" s="3"/>
      <c r="K818" s="3"/>
    </row>
    <row r="819" spans="2:11" ht="18" hidden="1" customHeight="1" x14ac:dyDescent="0.4">
      <c r="B819" s="10"/>
      <c r="C819" s="18"/>
      <c r="D819" s="17" t="e">
        <f>VLOOKUP(C819,[1]分類番号!$A$4:$B$1149,2,0)</f>
        <v>#N/A</v>
      </c>
      <c r="E819" s="16"/>
      <c r="G819" s="14"/>
      <c r="H819" s="3"/>
      <c r="I819" s="3"/>
      <c r="J819" s="3"/>
      <c r="K819" s="3"/>
    </row>
    <row r="820" spans="2:11" ht="18" hidden="1" customHeight="1" x14ac:dyDescent="0.4">
      <c r="B820" s="10"/>
      <c r="C820" s="18"/>
      <c r="D820" s="17" t="e">
        <f>VLOOKUP(C820,[1]分類番号!$A$4:$B$1149,2,0)</f>
        <v>#N/A</v>
      </c>
      <c r="E820" s="16"/>
      <c r="G820" s="14"/>
      <c r="H820" s="3"/>
      <c r="I820" s="3"/>
      <c r="J820" s="3"/>
      <c r="K820" s="3"/>
    </row>
    <row r="821" spans="2:11" ht="18" hidden="1" customHeight="1" x14ac:dyDescent="0.4">
      <c r="B821" s="10"/>
      <c r="C821" s="18"/>
      <c r="D821" s="17" t="e">
        <f>VLOOKUP(C821,[1]分類番号!$A$4:$B$1149,2,0)</f>
        <v>#N/A</v>
      </c>
      <c r="E821" s="16"/>
      <c r="G821" s="14"/>
      <c r="H821" s="3"/>
      <c r="I821" s="3"/>
      <c r="J821" s="3"/>
      <c r="K821" s="3"/>
    </row>
    <row r="822" spans="2:11" ht="18" hidden="1" customHeight="1" x14ac:dyDescent="0.4">
      <c r="B822" s="10"/>
      <c r="C822" s="18"/>
      <c r="D822" s="17" t="e">
        <f>VLOOKUP(C822,[1]分類番号!$A$4:$B$1149,2,0)</f>
        <v>#N/A</v>
      </c>
      <c r="E822" s="16"/>
      <c r="G822" s="14"/>
      <c r="H822" s="3"/>
      <c r="I822" s="3"/>
      <c r="J822" s="3"/>
      <c r="K822" s="3"/>
    </row>
    <row r="823" spans="2:11" ht="18" hidden="1" customHeight="1" x14ac:dyDescent="0.4">
      <c r="B823" s="10"/>
      <c r="C823" s="18"/>
      <c r="D823" s="17" t="e">
        <f>VLOOKUP(C823,[1]分類番号!$A$4:$B$1149,2,0)</f>
        <v>#N/A</v>
      </c>
      <c r="E823" s="16"/>
      <c r="G823" s="14"/>
      <c r="H823" s="3"/>
      <c r="I823" s="3"/>
      <c r="J823" s="3"/>
      <c r="K823" s="3"/>
    </row>
    <row r="824" spans="2:11" ht="18" hidden="1" customHeight="1" x14ac:dyDescent="0.4">
      <c r="B824" s="10"/>
      <c r="C824" s="18"/>
      <c r="D824" s="17" t="e">
        <f>VLOOKUP(C824,[1]分類番号!$A$4:$B$1149,2,0)</f>
        <v>#N/A</v>
      </c>
      <c r="E824" s="16"/>
      <c r="G824" s="14"/>
      <c r="H824" s="3"/>
      <c r="I824" s="3"/>
      <c r="J824" s="3"/>
      <c r="K824" s="3"/>
    </row>
    <row r="825" spans="2:11" ht="18" hidden="1" customHeight="1" x14ac:dyDescent="0.4">
      <c r="B825" s="10"/>
      <c r="C825" s="18"/>
      <c r="D825" s="17" t="e">
        <f>VLOOKUP(C825,[1]分類番号!$A$4:$B$1149,2,0)</f>
        <v>#N/A</v>
      </c>
      <c r="E825" s="16"/>
      <c r="G825" s="14"/>
      <c r="H825" s="3"/>
      <c r="I825" s="3"/>
      <c r="J825" s="3"/>
      <c r="K825" s="3"/>
    </row>
    <row r="826" spans="2:11" ht="18" hidden="1" customHeight="1" x14ac:dyDescent="0.4">
      <c r="B826" s="10"/>
      <c r="C826" s="18"/>
      <c r="D826" s="17" t="e">
        <f>VLOOKUP(C826,[1]分類番号!$A$4:$B$1149,2,0)</f>
        <v>#N/A</v>
      </c>
      <c r="E826" s="16"/>
      <c r="G826" s="14"/>
      <c r="H826" s="3"/>
      <c r="I826" s="3"/>
      <c r="J826" s="3"/>
      <c r="K826" s="3"/>
    </row>
    <row r="827" spans="2:11" ht="18" hidden="1" customHeight="1" x14ac:dyDescent="0.4">
      <c r="B827" s="10"/>
      <c r="C827" s="18"/>
      <c r="D827" s="17" t="e">
        <f>VLOOKUP(C827,[1]分類番号!$A$4:$B$1149,2,0)</f>
        <v>#N/A</v>
      </c>
      <c r="E827" s="16"/>
      <c r="G827" s="14"/>
      <c r="H827" s="3"/>
      <c r="I827" s="3"/>
      <c r="J827" s="3"/>
      <c r="K827" s="3"/>
    </row>
    <row r="828" spans="2:11" ht="18" hidden="1" customHeight="1" x14ac:dyDescent="0.4">
      <c r="B828" s="10"/>
      <c r="C828" s="18"/>
      <c r="D828" s="17" t="e">
        <f>VLOOKUP(C828,[1]分類番号!$A$4:$B$1149,2,0)</f>
        <v>#N/A</v>
      </c>
      <c r="E828" s="16"/>
      <c r="G828" s="14"/>
      <c r="H828" s="3"/>
      <c r="I828" s="3"/>
      <c r="J828" s="3"/>
      <c r="K828" s="3"/>
    </row>
    <row r="829" spans="2:11" ht="18" hidden="1" customHeight="1" x14ac:dyDescent="0.4">
      <c r="B829" s="10"/>
      <c r="C829" s="18"/>
      <c r="D829" s="17" t="e">
        <f>VLOOKUP(C829,[1]分類番号!$A$4:$B$1149,2,0)</f>
        <v>#N/A</v>
      </c>
      <c r="E829" s="16"/>
      <c r="G829" s="14"/>
      <c r="H829" s="3"/>
      <c r="I829" s="3"/>
      <c r="J829" s="3"/>
      <c r="K829" s="3"/>
    </row>
    <row r="830" spans="2:11" ht="18" hidden="1" customHeight="1" x14ac:dyDescent="0.4">
      <c r="B830" s="10"/>
      <c r="C830" s="18"/>
      <c r="D830" s="17" t="e">
        <f>VLOOKUP(C830,[1]分類番号!$A$4:$B$1149,2,0)</f>
        <v>#N/A</v>
      </c>
      <c r="E830" s="16"/>
      <c r="G830" s="14"/>
      <c r="H830" s="3"/>
      <c r="I830" s="3"/>
      <c r="J830" s="3"/>
      <c r="K830" s="3"/>
    </row>
    <row r="831" spans="2:11" ht="18" hidden="1" customHeight="1" x14ac:dyDescent="0.4">
      <c r="B831" s="10"/>
      <c r="C831" s="18"/>
      <c r="D831" s="17" t="e">
        <f>VLOOKUP(C831,[1]分類番号!$A$4:$B$1149,2,0)</f>
        <v>#N/A</v>
      </c>
      <c r="E831" s="16"/>
      <c r="G831" s="14"/>
      <c r="H831" s="3"/>
      <c r="I831" s="3"/>
      <c r="J831" s="3"/>
      <c r="K831" s="3"/>
    </row>
    <row r="832" spans="2:11" ht="18" hidden="1" customHeight="1" x14ac:dyDescent="0.4">
      <c r="B832" s="10"/>
      <c r="C832" s="18"/>
      <c r="D832" s="17" t="e">
        <f>VLOOKUP(C832,[1]分類番号!$A$4:$B$1149,2,0)</f>
        <v>#N/A</v>
      </c>
      <c r="E832" s="16"/>
      <c r="G832" s="14"/>
      <c r="H832" s="3"/>
      <c r="I832" s="3"/>
      <c r="J832" s="3"/>
      <c r="K832" s="3"/>
    </row>
    <row r="833" spans="2:11" ht="18" hidden="1" customHeight="1" x14ac:dyDescent="0.4">
      <c r="B833" s="10"/>
      <c r="C833" s="18"/>
      <c r="D833" s="17" t="e">
        <f>VLOOKUP(C833,[1]分類番号!$A$4:$B$1149,2,0)</f>
        <v>#N/A</v>
      </c>
      <c r="E833" s="16"/>
      <c r="G833" s="14"/>
      <c r="H833" s="3"/>
      <c r="I833" s="3"/>
      <c r="J833" s="3"/>
      <c r="K833" s="3"/>
    </row>
    <row r="834" spans="2:11" ht="18" hidden="1" customHeight="1" x14ac:dyDescent="0.4">
      <c r="B834" s="10"/>
      <c r="C834" s="18"/>
      <c r="D834" s="17" t="e">
        <f>VLOOKUP(C834,[1]分類番号!$A$4:$B$1149,2,0)</f>
        <v>#N/A</v>
      </c>
      <c r="E834" s="16"/>
      <c r="G834" s="14"/>
      <c r="H834" s="3"/>
      <c r="I834" s="3"/>
      <c r="J834" s="3"/>
      <c r="K834" s="3"/>
    </row>
    <row r="835" spans="2:11" ht="18" hidden="1" customHeight="1" x14ac:dyDescent="0.4">
      <c r="B835" s="10"/>
      <c r="C835" s="18"/>
      <c r="D835" s="17" t="e">
        <f>VLOOKUP(C835,[1]分類番号!$A$4:$B$1149,2,0)</f>
        <v>#N/A</v>
      </c>
      <c r="E835" s="16"/>
      <c r="G835" s="14"/>
      <c r="H835" s="3"/>
      <c r="I835" s="3"/>
      <c r="J835" s="3"/>
      <c r="K835" s="3"/>
    </row>
    <row r="836" spans="2:11" ht="18" hidden="1" customHeight="1" x14ac:dyDescent="0.4">
      <c r="B836" s="10"/>
      <c r="C836" s="18"/>
      <c r="D836" s="17" t="e">
        <f>VLOOKUP(C836,[1]分類番号!$A$4:$B$1149,2,0)</f>
        <v>#N/A</v>
      </c>
      <c r="E836" s="16"/>
      <c r="G836" s="14"/>
      <c r="H836" s="3"/>
      <c r="I836" s="3"/>
      <c r="J836" s="3"/>
      <c r="K836" s="3"/>
    </row>
    <row r="837" spans="2:11" ht="18" hidden="1" customHeight="1" x14ac:dyDescent="0.4">
      <c r="B837" s="10"/>
      <c r="C837" s="18"/>
      <c r="D837" s="17" t="e">
        <f>VLOOKUP(C837,[1]分類番号!$A$4:$B$1149,2,0)</f>
        <v>#N/A</v>
      </c>
      <c r="E837" s="16"/>
      <c r="G837" s="14"/>
      <c r="H837" s="3"/>
      <c r="I837" s="3"/>
      <c r="J837" s="3"/>
      <c r="K837" s="3"/>
    </row>
    <row r="838" spans="2:11" ht="18" hidden="1" customHeight="1" x14ac:dyDescent="0.4">
      <c r="B838" s="10"/>
      <c r="C838" s="18"/>
      <c r="D838" s="17" t="e">
        <f>VLOOKUP(C838,[1]分類番号!$A$4:$B$1149,2,0)</f>
        <v>#N/A</v>
      </c>
      <c r="E838" s="16"/>
      <c r="G838" s="14"/>
      <c r="H838" s="3"/>
      <c r="I838" s="3"/>
      <c r="J838" s="3"/>
      <c r="K838" s="3"/>
    </row>
    <row r="839" spans="2:11" ht="18" hidden="1" customHeight="1" x14ac:dyDescent="0.4">
      <c r="B839" s="10"/>
      <c r="C839" s="18"/>
      <c r="D839" s="17" t="e">
        <f>VLOOKUP(C839,[1]分類番号!$A$4:$B$1149,2,0)</f>
        <v>#N/A</v>
      </c>
      <c r="E839" s="16"/>
      <c r="G839" s="14"/>
      <c r="H839" s="3"/>
      <c r="I839" s="3"/>
      <c r="J839" s="3"/>
      <c r="K839" s="3"/>
    </row>
    <row r="840" spans="2:11" ht="18" hidden="1" customHeight="1" x14ac:dyDescent="0.4">
      <c r="B840" s="10"/>
      <c r="C840" s="18"/>
      <c r="D840" s="17" t="e">
        <f>VLOOKUP(C840,[1]分類番号!$A$4:$B$1149,2,0)</f>
        <v>#N/A</v>
      </c>
      <c r="E840" s="16"/>
      <c r="G840" s="14"/>
      <c r="H840" s="3"/>
      <c r="I840" s="3"/>
      <c r="J840" s="3"/>
      <c r="K840" s="3"/>
    </row>
    <row r="841" spans="2:11" ht="18" hidden="1" customHeight="1" x14ac:dyDescent="0.4">
      <c r="B841" s="10"/>
      <c r="C841" s="18"/>
      <c r="D841" s="17" t="e">
        <f>VLOOKUP(C841,[1]分類番号!$A$4:$B$1149,2,0)</f>
        <v>#N/A</v>
      </c>
      <c r="E841" s="16"/>
      <c r="G841" s="14"/>
      <c r="H841" s="3"/>
      <c r="I841" s="3"/>
      <c r="J841" s="3"/>
      <c r="K841" s="3"/>
    </row>
    <row r="842" spans="2:11" ht="18" hidden="1" customHeight="1" x14ac:dyDescent="0.4">
      <c r="B842" s="10"/>
      <c r="C842" s="18"/>
      <c r="D842" s="17" t="e">
        <f>VLOOKUP(C842,[1]分類番号!$A$4:$B$1149,2,0)</f>
        <v>#N/A</v>
      </c>
      <c r="E842" s="16"/>
      <c r="G842" s="14"/>
      <c r="H842" s="3"/>
      <c r="I842" s="3"/>
      <c r="J842" s="3"/>
      <c r="K842" s="3"/>
    </row>
    <row r="843" spans="2:11" ht="18" hidden="1" customHeight="1" x14ac:dyDescent="0.4">
      <c r="B843" s="10"/>
      <c r="C843" s="18"/>
      <c r="D843" s="17" t="e">
        <f>VLOOKUP(C843,[1]分類番号!$A$4:$B$1149,2,0)</f>
        <v>#N/A</v>
      </c>
      <c r="E843" s="16"/>
      <c r="G843" s="14"/>
      <c r="H843" s="3"/>
      <c r="I843" s="3"/>
      <c r="J843" s="3"/>
      <c r="K843" s="3"/>
    </row>
    <row r="844" spans="2:11" ht="18" hidden="1" customHeight="1" x14ac:dyDescent="0.4">
      <c r="B844" s="10"/>
      <c r="C844" s="18"/>
      <c r="D844" s="17" t="e">
        <f>VLOOKUP(C844,[1]分類番号!$A$4:$B$1149,2,0)</f>
        <v>#N/A</v>
      </c>
      <c r="E844" s="16"/>
      <c r="G844" s="14"/>
      <c r="H844" s="3"/>
      <c r="I844" s="3"/>
      <c r="J844" s="3"/>
      <c r="K844" s="3"/>
    </row>
    <row r="845" spans="2:11" ht="18" hidden="1" customHeight="1" x14ac:dyDescent="0.4">
      <c r="B845" s="10"/>
      <c r="C845" s="18"/>
      <c r="D845" s="17" t="e">
        <f>VLOOKUP(C845,[1]分類番号!$A$4:$B$1149,2,0)</f>
        <v>#N/A</v>
      </c>
      <c r="E845" s="16"/>
      <c r="G845" s="14"/>
      <c r="H845" s="3"/>
      <c r="I845" s="3"/>
      <c r="J845" s="3"/>
      <c r="K845" s="3"/>
    </row>
    <row r="846" spans="2:11" ht="18" hidden="1" customHeight="1" x14ac:dyDescent="0.4">
      <c r="B846" s="10"/>
      <c r="C846" s="18"/>
      <c r="D846" s="17" t="e">
        <f>VLOOKUP(C846,[1]分類番号!$A$4:$B$1149,2,0)</f>
        <v>#N/A</v>
      </c>
      <c r="E846" s="16"/>
      <c r="G846" s="14"/>
      <c r="H846" s="3"/>
      <c r="I846" s="3"/>
      <c r="J846" s="3"/>
      <c r="K846" s="3"/>
    </row>
    <row r="847" spans="2:11" ht="18" hidden="1" customHeight="1" x14ac:dyDescent="0.4">
      <c r="B847" s="10"/>
      <c r="C847" s="18"/>
      <c r="D847" s="17" t="e">
        <f>VLOOKUP(C847,[1]分類番号!$A$4:$B$1149,2,0)</f>
        <v>#N/A</v>
      </c>
      <c r="E847" s="16"/>
      <c r="G847" s="14"/>
      <c r="H847" s="3"/>
      <c r="I847" s="3"/>
      <c r="J847" s="3"/>
      <c r="K847" s="3"/>
    </row>
    <row r="848" spans="2:11" ht="18" hidden="1" customHeight="1" x14ac:dyDescent="0.4">
      <c r="B848" s="10"/>
      <c r="C848" s="18"/>
      <c r="D848" s="17" t="e">
        <f>VLOOKUP(C848,[1]分類番号!$A$4:$B$1149,2,0)</f>
        <v>#N/A</v>
      </c>
      <c r="E848" s="16"/>
      <c r="G848" s="14"/>
      <c r="H848" s="3"/>
      <c r="I848" s="3"/>
      <c r="J848" s="3"/>
      <c r="K848" s="3"/>
    </row>
    <row r="849" spans="2:11" ht="18" hidden="1" customHeight="1" x14ac:dyDescent="0.4">
      <c r="B849" s="10"/>
      <c r="C849" s="18"/>
      <c r="D849" s="17" t="e">
        <f>VLOOKUP(C849,[1]分類番号!$A$4:$B$1149,2,0)</f>
        <v>#N/A</v>
      </c>
      <c r="E849" s="16"/>
      <c r="G849" s="14"/>
      <c r="H849" s="3"/>
      <c r="I849" s="3"/>
      <c r="J849" s="3"/>
      <c r="K849" s="3"/>
    </row>
    <row r="850" spans="2:11" ht="18" hidden="1" customHeight="1" x14ac:dyDescent="0.4">
      <c r="B850" s="10"/>
      <c r="C850" s="18"/>
      <c r="D850" s="17" t="e">
        <f>VLOOKUP(C850,[1]分類番号!$A$4:$B$1149,2,0)</f>
        <v>#N/A</v>
      </c>
      <c r="E850" s="16"/>
      <c r="G850" s="14"/>
      <c r="H850" s="3"/>
      <c r="I850" s="3"/>
      <c r="J850" s="3"/>
      <c r="K850" s="3"/>
    </row>
    <row r="851" spans="2:11" ht="18" hidden="1" customHeight="1" x14ac:dyDescent="0.4">
      <c r="B851" s="10"/>
      <c r="C851" s="18"/>
      <c r="D851" s="17" t="e">
        <f>VLOOKUP(C851,[1]分類番号!$A$4:$B$1149,2,0)</f>
        <v>#N/A</v>
      </c>
      <c r="E851" s="16"/>
      <c r="G851" s="14"/>
      <c r="H851" s="3"/>
      <c r="I851" s="3"/>
      <c r="J851" s="3"/>
      <c r="K851" s="3"/>
    </row>
    <row r="852" spans="2:11" ht="18" hidden="1" customHeight="1" x14ac:dyDescent="0.4">
      <c r="B852" s="10"/>
      <c r="C852" s="18"/>
      <c r="D852" s="17" t="e">
        <f>VLOOKUP(C852,[1]分類番号!$A$4:$B$1149,2,0)</f>
        <v>#N/A</v>
      </c>
      <c r="E852" s="16"/>
      <c r="G852" s="14"/>
      <c r="H852" s="3"/>
      <c r="I852" s="3"/>
      <c r="J852" s="3"/>
      <c r="K852" s="3"/>
    </row>
    <row r="853" spans="2:11" ht="18" hidden="1" customHeight="1" x14ac:dyDescent="0.4">
      <c r="B853" s="10"/>
      <c r="C853" s="18"/>
      <c r="D853" s="17" t="e">
        <f>VLOOKUP(C853,[1]分類番号!$A$4:$B$1149,2,0)</f>
        <v>#N/A</v>
      </c>
      <c r="E853" s="16"/>
      <c r="G853" s="14"/>
      <c r="H853" s="3"/>
      <c r="I853" s="3"/>
      <c r="J853" s="3"/>
      <c r="K853" s="3"/>
    </row>
    <row r="854" spans="2:11" ht="18" hidden="1" customHeight="1" x14ac:dyDescent="0.4">
      <c r="B854" s="10"/>
      <c r="C854" s="18"/>
      <c r="D854" s="17" t="e">
        <f>VLOOKUP(C854,[1]分類番号!$A$4:$B$1149,2,0)</f>
        <v>#N/A</v>
      </c>
      <c r="E854" s="16"/>
      <c r="G854" s="14"/>
      <c r="H854" s="3"/>
      <c r="I854" s="3"/>
      <c r="J854" s="3"/>
      <c r="K854" s="3"/>
    </row>
    <row r="855" spans="2:11" ht="18" hidden="1" customHeight="1" x14ac:dyDescent="0.4">
      <c r="B855" s="10"/>
      <c r="C855" s="18"/>
      <c r="D855" s="17" t="e">
        <f>VLOOKUP(C855,[1]分類番号!$A$4:$B$1149,2,0)</f>
        <v>#N/A</v>
      </c>
      <c r="E855" s="16"/>
      <c r="G855" s="14"/>
      <c r="H855" s="3"/>
      <c r="I855" s="3"/>
      <c r="J855" s="3"/>
      <c r="K855" s="3"/>
    </row>
    <row r="856" spans="2:11" ht="18" hidden="1" customHeight="1" x14ac:dyDescent="0.4">
      <c r="B856" s="10"/>
      <c r="C856" s="18"/>
      <c r="D856" s="17" t="e">
        <f>VLOOKUP(C856,[1]分類番号!$A$4:$B$1149,2,0)</f>
        <v>#N/A</v>
      </c>
      <c r="E856" s="16"/>
      <c r="G856" s="14"/>
      <c r="H856" s="3"/>
      <c r="I856" s="3"/>
      <c r="J856" s="3"/>
      <c r="K856" s="3"/>
    </row>
    <row r="857" spans="2:11" ht="18" hidden="1" customHeight="1" x14ac:dyDescent="0.4">
      <c r="B857" s="10"/>
      <c r="C857" s="18"/>
      <c r="D857" s="17" t="e">
        <f>VLOOKUP(C857,[1]分類番号!$A$4:$B$1149,2,0)</f>
        <v>#N/A</v>
      </c>
      <c r="E857" s="16"/>
      <c r="G857" s="14"/>
      <c r="H857" s="3"/>
      <c r="I857" s="3"/>
      <c r="J857" s="3"/>
      <c r="K857" s="3"/>
    </row>
    <row r="858" spans="2:11" ht="18" hidden="1" customHeight="1" x14ac:dyDescent="0.4">
      <c r="B858" s="10"/>
      <c r="C858" s="18"/>
      <c r="D858" s="17" t="e">
        <f>VLOOKUP(C858,[1]分類番号!$A$4:$B$1149,2,0)</f>
        <v>#N/A</v>
      </c>
      <c r="E858" s="16"/>
      <c r="G858" s="14"/>
      <c r="H858" s="3"/>
      <c r="I858" s="3"/>
      <c r="J858" s="3"/>
      <c r="K858" s="3"/>
    </row>
    <row r="859" spans="2:11" ht="18" hidden="1" customHeight="1" x14ac:dyDescent="0.4">
      <c r="B859" s="10"/>
      <c r="C859" s="18"/>
      <c r="D859" s="17" t="e">
        <f>VLOOKUP(C859,[1]分類番号!$A$4:$B$1149,2,0)</f>
        <v>#N/A</v>
      </c>
      <c r="E859" s="16"/>
      <c r="G859" s="14"/>
      <c r="H859" s="3"/>
      <c r="I859" s="3"/>
      <c r="J859" s="3"/>
      <c r="K859" s="3"/>
    </row>
    <row r="860" spans="2:11" ht="18" hidden="1" customHeight="1" x14ac:dyDescent="0.4">
      <c r="B860" s="10"/>
      <c r="C860" s="18"/>
      <c r="D860" s="17" t="e">
        <f>VLOOKUP(C860,[1]分類番号!$A$4:$B$1149,2,0)</f>
        <v>#N/A</v>
      </c>
      <c r="E860" s="16"/>
      <c r="G860" s="14"/>
      <c r="H860" s="3"/>
      <c r="I860" s="3"/>
      <c r="J860" s="3"/>
      <c r="K860" s="3"/>
    </row>
    <row r="861" spans="2:11" ht="18" hidden="1" customHeight="1" x14ac:dyDescent="0.4">
      <c r="B861" s="10"/>
      <c r="C861" s="18"/>
      <c r="D861" s="17" t="e">
        <f>VLOOKUP(C861,[1]分類番号!$A$4:$B$1149,2,0)</f>
        <v>#N/A</v>
      </c>
      <c r="E861" s="16"/>
      <c r="G861" s="14"/>
      <c r="H861" s="3"/>
      <c r="I861" s="3"/>
      <c r="J861" s="3"/>
      <c r="K861" s="3"/>
    </row>
    <row r="862" spans="2:11" ht="18" hidden="1" customHeight="1" x14ac:dyDescent="0.4">
      <c r="B862" s="10"/>
      <c r="C862" s="18"/>
      <c r="D862" s="17" t="e">
        <f>VLOOKUP(C862,[1]分類番号!$A$4:$B$1149,2,0)</f>
        <v>#N/A</v>
      </c>
      <c r="E862" s="16"/>
      <c r="G862" s="14"/>
      <c r="H862" s="3"/>
      <c r="I862" s="3"/>
      <c r="J862" s="3"/>
      <c r="K862" s="3"/>
    </row>
    <row r="863" spans="2:11" ht="18" hidden="1" customHeight="1" x14ac:dyDescent="0.4">
      <c r="B863" s="10"/>
      <c r="C863" s="18"/>
      <c r="D863" s="17" t="e">
        <f>VLOOKUP(C863,[1]分類番号!$A$4:$B$1149,2,0)</f>
        <v>#N/A</v>
      </c>
      <c r="E863" s="16"/>
      <c r="G863" s="14"/>
      <c r="H863" s="3"/>
      <c r="I863" s="3"/>
      <c r="J863" s="3"/>
      <c r="K863" s="3"/>
    </row>
    <row r="864" spans="2:11" ht="18" hidden="1" customHeight="1" x14ac:dyDescent="0.4">
      <c r="B864" s="10"/>
      <c r="C864" s="18"/>
      <c r="D864" s="17" t="e">
        <f>VLOOKUP(C864,[1]分類番号!$A$4:$B$1149,2,0)</f>
        <v>#N/A</v>
      </c>
      <c r="E864" s="16"/>
      <c r="G864" s="14"/>
      <c r="H864" s="3"/>
      <c r="I864" s="3"/>
      <c r="J864" s="3"/>
      <c r="K864" s="3"/>
    </row>
    <row r="865" spans="2:11" ht="18" hidden="1" customHeight="1" x14ac:dyDescent="0.4">
      <c r="B865" s="10"/>
      <c r="C865" s="18"/>
      <c r="D865" s="17" t="e">
        <f>VLOOKUP(C865,[1]分類番号!$A$4:$B$1149,2,0)</f>
        <v>#N/A</v>
      </c>
      <c r="E865" s="16"/>
      <c r="G865" s="14"/>
      <c r="H865" s="3"/>
      <c r="I865" s="3"/>
      <c r="J865" s="3"/>
      <c r="K865" s="3"/>
    </row>
    <row r="866" spans="2:11" ht="18" hidden="1" customHeight="1" x14ac:dyDescent="0.4">
      <c r="B866" s="10"/>
      <c r="C866" s="18"/>
      <c r="D866" s="17" t="e">
        <f>VLOOKUP(C866,[1]分類番号!$A$4:$B$1149,2,0)</f>
        <v>#N/A</v>
      </c>
      <c r="E866" s="16"/>
      <c r="G866" s="14"/>
      <c r="H866" s="3"/>
      <c r="I866" s="3"/>
      <c r="J866" s="3"/>
      <c r="K866" s="3"/>
    </row>
    <row r="867" spans="2:11" ht="18" hidden="1" customHeight="1" x14ac:dyDescent="0.4">
      <c r="B867" s="10"/>
      <c r="C867" s="18"/>
      <c r="D867" s="17" t="e">
        <f>VLOOKUP(C867,[1]分類番号!$A$4:$B$1149,2,0)</f>
        <v>#N/A</v>
      </c>
      <c r="E867" s="16"/>
      <c r="G867" s="14"/>
      <c r="H867" s="3"/>
      <c r="I867" s="3"/>
      <c r="J867" s="3"/>
      <c r="K867" s="3"/>
    </row>
    <row r="868" spans="2:11" ht="18" hidden="1" customHeight="1" x14ac:dyDescent="0.4">
      <c r="B868" s="10"/>
      <c r="C868" s="18"/>
      <c r="D868" s="17" t="e">
        <f>VLOOKUP(C868,[1]分類番号!$A$4:$B$1149,2,0)</f>
        <v>#N/A</v>
      </c>
      <c r="E868" s="16"/>
      <c r="G868" s="14"/>
      <c r="H868" s="3"/>
      <c r="I868" s="3"/>
      <c r="J868" s="3"/>
      <c r="K868" s="3"/>
    </row>
    <row r="869" spans="2:11" ht="18" hidden="1" customHeight="1" x14ac:dyDescent="0.4">
      <c r="B869" s="10"/>
      <c r="C869" s="18"/>
      <c r="D869" s="17" t="e">
        <f>VLOOKUP(C869,[1]分類番号!$A$4:$B$1149,2,0)</f>
        <v>#N/A</v>
      </c>
      <c r="E869" s="16"/>
      <c r="G869" s="14"/>
      <c r="H869" s="3"/>
      <c r="I869" s="3"/>
      <c r="J869" s="3"/>
      <c r="K869" s="3"/>
    </row>
    <row r="870" spans="2:11" ht="18" hidden="1" customHeight="1" x14ac:dyDescent="0.4">
      <c r="B870" s="10"/>
      <c r="C870" s="18"/>
      <c r="D870" s="17" t="e">
        <f>VLOOKUP(C870,[1]分類番号!$A$4:$B$1149,2,0)</f>
        <v>#N/A</v>
      </c>
      <c r="E870" s="16"/>
      <c r="G870" s="14"/>
      <c r="H870" s="3"/>
      <c r="I870" s="3"/>
      <c r="J870" s="3"/>
      <c r="K870" s="3"/>
    </row>
    <row r="871" spans="2:11" ht="18" hidden="1" customHeight="1" x14ac:dyDescent="0.4">
      <c r="B871" s="10"/>
      <c r="C871" s="18"/>
      <c r="D871" s="17" t="e">
        <f>VLOOKUP(C871,[1]分類番号!$A$4:$B$1149,2,0)</f>
        <v>#N/A</v>
      </c>
      <c r="E871" s="16"/>
      <c r="G871" s="14"/>
      <c r="H871" s="3"/>
      <c r="I871" s="3"/>
      <c r="J871" s="3"/>
      <c r="K871" s="3"/>
    </row>
    <row r="872" spans="2:11" ht="18" hidden="1" customHeight="1" x14ac:dyDescent="0.4">
      <c r="B872" s="10"/>
      <c r="C872" s="18"/>
      <c r="D872" s="17" t="e">
        <f>VLOOKUP(C872,[1]分類番号!$A$4:$B$1149,2,0)</f>
        <v>#N/A</v>
      </c>
      <c r="E872" s="16"/>
      <c r="G872" s="14"/>
      <c r="H872" s="3"/>
      <c r="I872" s="3"/>
      <c r="J872" s="3"/>
      <c r="K872" s="3"/>
    </row>
    <row r="873" spans="2:11" ht="18" hidden="1" customHeight="1" x14ac:dyDescent="0.4">
      <c r="B873" s="10"/>
      <c r="C873" s="18"/>
      <c r="D873" s="17" t="e">
        <f>VLOOKUP(C873,[1]分類番号!$A$4:$B$1149,2,0)</f>
        <v>#N/A</v>
      </c>
      <c r="E873" s="16"/>
      <c r="G873" s="14"/>
      <c r="H873" s="3"/>
      <c r="I873" s="3"/>
      <c r="J873" s="3"/>
      <c r="K873" s="3"/>
    </row>
    <row r="874" spans="2:11" ht="18" hidden="1" customHeight="1" x14ac:dyDescent="0.4">
      <c r="B874" s="10"/>
      <c r="C874" s="18"/>
      <c r="D874" s="17" t="e">
        <f>VLOOKUP(C874,[1]分類番号!$A$4:$B$1149,2,0)</f>
        <v>#N/A</v>
      </c>
      <c r="E874" s="16"/>
      <c r="G874" s="14"/>
      <c r="H874" s="3"/>
      <c r="I874" s="3"/>
      <c r="J874" s="3"/>
      <c r="K874" s="3"/>
    </row>
    <row r="875" spans="2:11" ht="18" hidden="1" customHeight="1" x14ac:dyDescent="0.4">
      <c r="B875" s="10"/>
      <c r="C875" s="18"/>
      <c r="D875" s="17" t="e">
        <f>VLOOKUP(C875,[1]分類番号!$A$4:$B$1149,2,0)</f>
        <v>#N/A</v>
      </c>
      <c r="E875" s="16"/>
      <c r="G875" s="14"/>
      <c r="H875" s="3"/>
      <c r="I875" s="3"/>
      <c r="J875" s="3"/>
      <c r="K875" s="3"/>
    </row>
    <row r="876" spans="2:11" ht="18" hidden="1" customHeight="1" x14ac:dyDescent="0.4">
      <c r="B876" s="10"/>
      <c r="C876" s="18"/>
      <c r="D876" s="17" t="e">
        <f>VLOOKUP(C876,[1]分類番号!$A$4:$B$1149,2,0)</f>
        <v>#N/A</v>
      </c>
      <c r="E876" s="16"/>
      <c r="G876" s="14"/>
      <c r="H876" s="3"/>
      <c r="I876" s="3"/>
      <c r="J876" s="3"/>
      <c r="K876" s="3"/>
    </row>
    <row r="877" spans="2:11" ht="18" hidden="1" customHeight="1" x14ac:dyDescent="0.4">
      <c r="B877" s="10"/>
      <c r="C877" s="18"/>
      <c r="D877" s="17" t="e">
        <f>VLOOKUP(C877,[1]分類番号!$A$4:$B$1149,2,0)</f>
        <v>#N/A</v>
      </c>
      <c r="E877" s="16"/>
      <c r="G877" s="14"/>
      <c r="H877" s="3"/>
      <c r="I877" s="3"/>
      <c r="J877" s="3"/>
      <c r="K877" s="3"/>
    </row>
    <row r="878" spans="2:11" ht="18" hidden="1" customHeight="1" x14ac:dyDescent="0.4">
      <c r="B878" s="10"/>
      <c r="C878" s="18"/>
      <c r="D878" s="17" t="e">
        <f>VLOOKUP(C878,[1]分類番号!$A$4:$B$1149,2,0)</f>
        <v>#N/A</v>
      </c>
      <c r="E878" s="16"/>
      <c r="G878" s="14"/>
      <c r="H878" s="3"/>
      <c r="I878" s="3"/>
      <c r="J878" s="3"/>
      <c r="K878" s="3"/>
    </row>
    <row r="879" spans="2:11" ht="18" hidden="1" customHeight="1" x14ac:dyDescent="0.4">
      <c r="B879" s="10"/>
      <c r="C879" s="18"/>
      <c r="D879" s="17" t="e">
        <f>VLOOKUP(C879,[1]分類番号!$A$4:$B$1149,2,0)</f>
        <v>#N/A</v>
      </c>
      <c r="E879" s="16"/>
      <c r="G879" s="14"/>
      <c r="H879" s="3"/>
      <c r="I879" s="3"/>
      <c r="J879" s="3"/>
      <c r="K879" s="3"/>
    </row>
    <row r="880" spans="2:11" ht="18" hidden="1" customHeight="1" x14ac:dyDescent="0.4">
      <c r="B880" s="10"/>
      <c r="C880" s="18"/>
      <c r="D880" s="17" t="e">
        <f>VLOOKUP(C880,[1]分類番号!$A$4:$B$1149,2,0)</f>
        <v>#N/A</v>
      </c>
      <c r="E880" s="16"/>
      <c r="G880" s="14"/>
      <c r="H880" s="3"/>
      <c r="I880" s="3"/>
      <c r="J880" s="3"/>
      <c r="K880" s="3"/>
    </row>
    <row r="881" spans="2:11" ht="18" hidden="1" customHeight="1" x14ac:dyDescent="0.4">
      <c r="B881" s="10"/>
      <c r="C881" s="18"/>
      <c r="D881" s="17" t="e">
        <f>VLOOKUP(C881,[1]分類番号!$A$4:$B$1149,2,0)</f>
        <v>#N/A</v>
      </c>
      <c r="E881" s="16"/>
      <c r="G881" s="14"/>
      <c r="H881" s="3"/>
      <c r="I881" s="3"/>
      <c r="J881" s="3"/>
      <c r="K881" s="3"/>
    </row>
    <row r="882" spans="2:11" ht="18" hidden="1" customHeight="1" x14ac:dyDescent="0.4">
      <c r="B882" s="10"/>
      <c r="C882" s="18"/>
      <c r="D882" s="17" t="e">
        <f>VLOOKUP(C882,[1]分類番号!$A$4:$B$1149,2,0)</f>
        <v>#N/A</v>
      </c>
      <c r="E882" s="16"/>
      <c r="G882" s="14"/>
      <c r="H882" s="3"/>
      <c r="I882" s="3"/>
      <c r="J882" s="3"/>
      <c r="K882" s="3"/>
    </row>
    <row r="883" spans="2:11" ht="18" hidden="1" customHeight="1" x14ac:dyDescent="0.4">
      <c r="B883" s="10"/>
      <c r="C883" s="18"/>
      <c r="D883" s="17" t="e">
        <f>VLOOKUP(C883,[1]分類番号!$A$4:$B$1149,2,0)</f>
        <v>#N/A</v>
      </c>
      <c r="E883" s="16"/>
      <c r="G883" s="14"/>
      <c r="H883" s="3"/>
      <c r="I883" s="3"/>
      <c r="J883" s="3"/>
      <c r="K883" s="3"/>
    </row>
    <row r="884" spans="2:11" ht="18" hidden="1" customHeight="1" x14ac:dyDescent="0.4">
      <c r="B884" s="10"/>
      <c r="C884" s="18"/>
      <c r="D884" s="17" t="e">
        <f>VLOOKUP(C884,[1]分類番号!$A$4:$B$1149,2,0)</f>
        <v>#N/A</v>
      </c>
      <c r="E884" s="16"/>
      <c r="G884" s="14"/>
      <c r="H884" s="3"/>
      <c r="I884" s="3"/>
      <c r="J884" s="3"/>
      <c r="K884" s="3"/>
    </row>
    <row r="885" spans="2:11" ht="18" hidden="1" customHeight="1" x14ac:dyDescent="0.4">
      <c r="B885" s="10"/>
      <c r="C885" s="18"/>
      <c r="D885" s="17" t="e">
        <f>VLOOKUP(C885,[1]分類番号!$A$4:$B$1149,2,0)</f>
        <v>#N/A</v>
      </c>
      <c r="E885" s="16"/>
      <c r="G885" s="14"/>
      <c r="H885" s="3"/>
      <c r="I885" s="3"/>
      <c r="J885" s="3"/>
      <c r="K885" s="3"/>
    </row>
    <row r="886" spans="2:11" ht="18" hidden="1" customHeight="1" x14ac:dyDescent="0.4">
      <c r="B886" s="10"/>
      <c r="C886" s="18"/>
      <c r="D886" s="17" t="e">
        <f>VLOOKUP(C886,[1]分類番号!$A$4:$B$1149,2,0)</f>
        <v>#N/A</v>
      </c>
      <c r="E886" s="16"/>
      <c r="G886" s="14"/>
      <c r="H886" s="3"/>
      <c r="I886" s="3"/>
      <c r="J886" s="3"/>
      <c r="K886" s="3"/>
    </row>
    <row r="887" spans="2:11" ht="18" hidden="1" customHeight="1" x14ac:dyDescent="0.4">
      <c r="B887" s="10"/>
      <c r="C887" s="18"/>
      <c r="D887" s="17" t="e">
        <f>VLOOKUP(C887,[1]分類番号!$A$4:$B$1149,2,0)</f>
        <v>#N/A</v>
      </c>
      <c r="E887" s="16"/>
      <c r="G887" s="14"/>
      <c r="H887" s="3"/>
      <c r="I887" s="3"/>
      <c r="J887" s="3"/>
      <c r="K887" s="3"/>
    </row>
    <row r="888" spans="2:11" ht="18" hidden="1" customHeight="1" x14ac:dyDescent="0.4">
      <c r="B888" s="10"/>
      <c r="C888" s="18"/>
      <c r="D888" s="17" t="e">
        <f>VLOOKUP(C888,[1]分類番号!$A$4:$B$1149,2,0)</f>
        <v>#N/A</v>
      </c>
      <c r="E888" s="16"/>
      <c r="G888" s="14"/>
      <c r="H888" s="3"/>
      <c r="I888" s="3"/>
      <c r="J888" s="3"/>
      <c r="K888" s="3"/>
    </row>
    <row r="889" spans="2:11" ht="18" hidden="1" customHeight="1" x14ac:dyDescent="0.4">
      <c r="B889" s="10"/>
      <c r="C889" s="18"/>
      <c r="D889" s="17" t="e">
        <f>VLOOKUP(C889,[1]分類番号!$A$4:$B$1149,2,0)</f>
        <v>#N/A</v>
      </c>
      <c r="E889" s="16"/>
      <c r="G889" s="14"/>
      <c r="H889" s="3"/>
      <c r="I889" s="3"/>
      <c r="J889" s="3"/>
      <c r="K889" s="3"/>
    </row>
    <row r="890" spans="2:11" ht="18" hidden="1" customHeight="1" x14ac:dyDescent="0.4">
      <c r="B890" s="10"/>
      <c r="C890" s="18"/>
      <c r="D890" s="17" t="e">
        <f>VLOOKUP(C890,[1]分類番号!$A$4:$B$1149,2,0)</f>
        <v>#N/A</v>
      </c>
      <c r="E890" s="16"/>
      <c r="G890" s="14"/>
      <c r="H890" s="3"/>
      <c r="I890" s="3"/>
      <c r="J890" s="3"/>
      <c r="K890" s="3"/>
    </row>
    <row r="891" spans="2:11" ht="18" hidden="1" customHeight="1" x14ac:dyDescent="0.4">
      <c r="B891" s="10"/>
      <c r="C891" s="18"/>
      <c r="D891" s="17" t="e">
        <f>VLOOKUP(C891,[1]分類番号!$A$4:$B$1149,2,0)</f>
        <v>#N/A</v>
      </c>
      <c r="E891" s="16"/>
      <c r="G891" s="14"/>
      <c r="H891" s="3"/>
      <c r="I891" s="3"/>
      <c r="J891" s="3"/>
      <c r="K891" s="3"/>
    </row>
    <row r="892" spans="2:11" ht="18" hidden="1" customHeight="1" x14ac:dyDescent="0.4">
      <c r="B892" s="10"/>
      <c r="C892" s="18"/>
      <c r="D892" s="17" t="e">
        <f>VLOOKUP(C892,[1]分類番号!$A$4:$B$1149,2,0)</f>
        <v>#N/A</v>
      </c>
      <c r="E892" s="16"/>
      <c r="G892" s="14"/>
      <c r="H892" s="3"/>
      <c r="I892" s="3"/>
      <c r="J892" s="3"/>
      <c r="K892" s="3"/>
    </row>
    <row r="893" spans="2:11" ht="18" hidden="1" customHeight="1" x14ac:dyDescent="0.4">
      <c r="B893" s="10"/>
      <c r="C893" s="18"/>
      <c r="D893" s="17" t="e">
        <f>VLOOKUP(C893,[1]分類番号!$A$4:$B$1149,2,0)</f>
        <v>#N/A</v>
      </c>
      <c r="E893" s="16"/>
      <c r="G893" s="14"/>
      <c r="H893" s="3"/>
      <c r="I893" s="3"/>
      <c r="J893" s="3"/>
      <c r="K893" s="3"/>
    </row>
    <row r="894" spans="2:11" ht="18" hidden="1" customHeight="1" x14ac:dyDescent="0.4">
      <c r="B894" s="10"/>
      <c r="C894" s="18"/>
      <c r="D894" s="17" t="e">
        <f>VLOOKUP(C894,[1]分類番号!$A$4:$B$1149,2,0)</f>
        <v>#N/A</v>
      </c>
      <c r="E894" s="16"/>
      <c r="G894" s="14"/>
      <c r="H894" s="3"/>
      <c r="I894" s="3"/>
      <c r="J894" s="3"/>
      <c r="K894" s="3"/>
    </row>
    <row r="895" spans="2:11" ht="18" hidden="1" customHeight="1" x14ac:dyDescent="0.4">
      <c r="B895" s="10"/>
      <c r="C895" s="18"/>
      <c r="D895" s="17" t="e">
        <f>VLOOKUP(C895,[1]分類番号!$A$4:$B$1149,2,0)</f>
        <v>#N/A</v>
      </c>
      <c r="E895" s="16"/>
      <c r="G895" s="14"/>
      <c r="H895" s="3"/>
      <c r="I895" s="3"/>
      <c r="J895" s="3"/>
      <c r="K895" s="3"/>
    </row>
    <row r="896" spans="2:11" ht="18" hidden="1" customHeight="1" x14ac:dyDescent="0.4">
      <c r="B896" s="10"/>
      <c r="C896" s="18"/>
      <c r="D896" s="17" t="e">
        <f>VLOOKUP(C896,[1]分類番号!$A$4:$B$1149,2,0)</f>
        <v>#N/A</v>
      </c>
      <c r="E896" s="16"/>
      <c r="G896" s="14"/>
      <c r="H896" s="3"/>
      <c r="I896" s="3"/>
      <c r="J896" s="3"/>
      <c r="K896" s="3"/>
    </row>
    <row r="897" spans="2:11" ht="18" hidden="1" customHeight="1" x14ac:dyDescent="0.4">
      <c r="B897" s="10"/>
      <c r="C897" s="18"/>
      <c r="D897" s="17" t="e">
        <f>VLOOKUP(C897,[1]分類番号!$A$4:$B$1149,2,0)</f>
        <v>#N/A</v>
      </c>
      <c r="E897" s="16"/>
      <c r="G897" s="14"/>
      <c r="H897" s="3"/>
      <c r="I897" s="3"/>
      <c r="J897" s="3"/>
      <c r="K897" s="3"/>
    </row>
    <row r="898" spans="2:11" ht="18" hidden="1" customHeight="1" x14ac:dyDescent="0.4">
      <c r="B898" s="10"/>
      <c r="C898" s="18"/>
      <c r="D898" s="17" t="e">
        <f>VLOOKUP(C898,[1]分類番号!$A$4:$B$1149,2,0)</f>
        <v>#N/A</v>
      </c>
      <c r="E898" s="16"/>
      <c r="G898" s="14"/>
      <c r="H898" s="3"/>
      <c r="I898" s="3"/>
      <c r="J898" s="3"/>
      <c r="K898" s="3"/>
    </row>
    <row r="899" spans="2:11" ht="18" hidden="1" customHeight="1" x14ac:dyDescent="0.4">
      <c r="B899" s="10"/>
      <c r="C899" s="18"/>
      <c r="D899" s="17" t="e">
        <f>VLOOKUP(C899,[1]分類番号!$A$4:$B$1149,2,0)</f>
        <v>#N/A</v>
      </c>
      <c r="E899" s="16"/>
      <c r="G899" s="14"/>
      <c r="H899" s="3"/>
      <c r="I899" s="3"/>
      <c r="J899" s="3"/>
      <c r="K899" s="3"/>
    </row>
    <row r="900" spans="2:11" ht="18" hidden="1" customHeight="1" x14ac:dyDescent="0.4">
      <c r="B900" s="10"/>
      <c r="C900" s="20"/>
      <c r="D900" s="17" t="e">
        <f>VLOOKUP(C900,[1]分類番号!$A$4:$B$1149,2,0)</f>
        <v>#N/A</v>
      </c>
      <c r="E900" s="16"/>
      <c r="G900" s="14"/>
      <c r="H900" s="3"/>
      <c r="I900" s="3"/>
      <c r="J900" s="3"/>
      <c r="K900" s="3"/>
    </row>
    <row r="901" spans="2:11" ht="18" hidden="1" customHeight="1" x14ac:dyDescent="0.4">
      <c r="B901" s="10"/>
      <c r="C901" s="20"/>
      <c r="D901" s="17" t="e">
        <f>VLOOKUP(C901,[1]分類番号!$A$4:$B$1149,2,0)</f>
        <v>#N/A</v>
      </c>
      <c r="E901" s="16"/>
      <c r="G901" s="14"/>
      <c r="H901" s="3"/>
      <c r="I901" s="3"/>
      <c r="J901" s="3"/>
      <c r="K901" s="3"/>
    </row>
    <row r="902" spans="2:11" ht="18" hidden="1" customHeight="1" x14ac:dyDescent="0.4">
      <c r="B902" s="10"/>
      <c r="C902" s="20"/>
      <c r="D902" s="17" t="e">
        <f>VLOOKUP(C902,[1]分類番号!$A$4:$B$1149,2,0)</f>
        <v>#N/A</v>
      </c>
      <c r="E902" s="16"/>
      <c r="G902" s="14"/>
      <c r="H902" s="3"/>
      <c r="I902" s="3"/>
      <c r="J902" s="3"/>
      <c r="K902" s="3"/>
    </row>
    <row r="903" spans="2:11" ht="18" hidden="1" customHeight="1" x14ac:dyDescent="0.4">
      <c r="B903" s="10"/>
      <c r="C903" s="20"/>
      <c r="D903" s="17" t="e">
        <f>VLOOKUP(C903,[1]分類番号!$A$4:$B$1149,2,0)</f>
        <v>#N/A</v>
      </c>
      <c r="E903" s="16"/>
      <c r="G903" s="14"/>
      <c r="H903" s="3"/>
      <c r="I903" s="3"/>
      <c r="J903" s="3"/>
      <c r="K903" s="3"/>
    </row>
    <row r="904" spans="2:11" ht="18" hidden="1" customHeight="1" x14ac:dyDescent="0.4">
      <c r="B904" s="10"/>
      <c r="C904" s="20"/>
      <c r="D904" s="17" t="e">
        <f>VLOOKUP(C904,[1]分類番号!$A$4:$B$1149,2,0)</f>
        <v>#N/A</v>
      </c>
      <c r="E904" s="16"/>
      <c r="G904" s="14"/>
      <c r="H904" s="3"/>
      <c r="I904" s="3"/>
      <c r="J904" s="3"/>
      <c r="K904" s="3"/>
    </row>
    <row r="905" spans="2:11" ht="18" hidden="1" customHeight="1" x14ac:dyDescent="0.4">
      <c r="B905" s="10"/>
      <c r="C905" s="20"/>
      <c r="D905" s="17" t="e">
        <f>VLOOKUP(C905,[1]分類番号!$A$4:$B$1149,2,0)</f>
        <v>#N/A</v>
      </c>
      <c r="E905" s="16"/>
      <c r="G905" s="14"/>
      <c r="H905" s="3"/>
      <c r="I905" s="3"/>
      <c r="J905" s="3"/>
      <c r="K905" s="3"/>
    </row>
    <row r="906" spans="2:11" ht="18" hidden="1" customHeight="1" x14ac:dyDescent="0.4">
      <c r="B906" s="10"/>
      <c r="C906" s="20"/>
      <c r="D906" s="17" t="e">
        <f>VLOOKUP(C906,[1]分類番号!$A$4:$B$1149,2,0)</f>
        <v>#N/A</v>
      </c>
      <c r="E906" s="16"/>
      <c r="G906" s="14"/>
      <c r="H906" s="3"/>
      <c r="I906" s="3"/>
      <c r="J906" s="3"/>
      <c r="K906" s="3"/>
    </row>
    <row r="907" spans="2:11" ht="18" hidden="1" customHeight="1" x14ac:dyDescent="0.4">
      <c r="B907" s="10"/>
      <c r="C907" s="20"/>
      <c r="D907" s="17" t="e">
        <f>VLOOKUP(C907,[1]分類番号!$A$4:$B$1149,2,0)</f>
        <v>#N/A</v>
      </c>
      <c r="E907" s="16"/>
      <c r="G907" s="14"/>
      <c r="H907" s="3"/>
      <c r="I907" s="3"/>
      <c r="J907" s="3"/>
      <c r="K907" s="3"/>
    </row>
    <row r="908" spans="2:11" ht="18" hidden="1" customHeight="1" x14ac:dyDescent="0.4">
      <c r="B908" s="10"/>
      <c r="C908" s="20"/>
      <c r="D908" s="17" t="e">
        <f>VLOOKUP(C908,[1]分類番号!$A$4:$B$1149,2,0)</f>
        <v>#N/A</v>
      </c>
      <c r="E908" s="16"/>
      <c r="G908" s="14"/>
      <c r="H908" s="3"/>
      <c r="I908" s="3"/>
      <c r="J908" s="3"/>
      <c r="K908" s="3"/>
    </row>
    <row r="909" spans="2:11" ht="18" hidden="1" customHeight="1" x14ac:dyDescent="0.4">
      <c r="B909" s="10"/>
      <c r="C909" s="20"/>
      <c r="D909" s="17" t="e">
        <f>VLOOKUP(C909,[1]分類番号!$A$4:$B$1149,2,0)</f>
        <v>#N/A</v>
      </c>
      <c r="E909" s="16"/>
      <c r="G909" s="14"/>
      <c r="H909" s="3"/>
      <c r="I909" s="3"/>
      <c r="J909" s="3"/>
      <c r="K909" s="3"/>
    </row>
    <row r="910" spans="2:11" ht="18" hidden="1" customHeight="1" x14ac:dyDescent="0.4">
      <c r="B910" s="10"/>
      <c r="C910" s="20"/>
      <c r="D910" s="17" t="e">
        <f>VLOOKUP(C910,[1]分類番号!$A$4:$B$1149,2,0)</f>
        <v>#N/A</v>
      </c>
      <c r="E910" s="16"/>
      <c r="G910" s="14"/>
      <c r="H910" s="3"/>
      <c r="I910" s="3"/>
      <c r="J910" s="3"/>
      <c r="K910" s="3"/>
    </row>
    <row r="911" spans="2:11" ht="18" hidden="1" customHeight="1" x14ac:dyDescent="0.4">
      <c r="B911" s="10"/>
      <c r="C911" s="20"/>
      <c r="D911" s="17" t="e">
        <f>VLOOKUP(C911,[1]分類番号!$A$4:$B$1149,2,0)</f>
        <v>#N/A</v>
      </c>
      <c r="E911" s="16"/>
      <c r="G911" s="14"/>
      <c r="H911" s="3"/>
      <c r="I911" s="3"/>
      <c r="J911" s="3"/>
      <c r="K911" s="3"/>
    </row>
    <row r="912" spans="2:11" ht="18" hidden="1" customHeight="1" x14ac:dyDescent="0.4">
      <c r="B912" s="10"/>
      <c r="C912" s="20"/>
      <c r="D912" s="17" t="e">
        <f>VLOOKUP(C912,[1]分類番号!$A$4:$B$1149,2,0)</f>
        <v>#N/A</v>
      </c>
      <c r="E912" s="16"/>
      <c r="G912" s="14"/>
      <c r="H912" s="3"/>
      <c r="I912" s="3"/>
      <c r="J912" s="3"/>
      <c r="K912" s="3"/>
    </row>
    <row r="913" spans="2:11" ht="18" hidden="1" customHeight="1" x14ac:dyDescent="0.4">
      <c r="B913" s="10"/>
      <c r="C913" s="20"/>
      <c r="D913" s="17" t="e">
        <f>VLOOKUP(C913,[1]分類番号!$A$4:$B$1149,2,0)</f>
        <v>#N/A</v>
      </c>
      <c r="E913" s="16"/>
      <c r="G913" s="14"/>
      <c r="H913" s="3"/>
      <c r="I913" s="3"/>
      <c r="J913" s="3"/>
      <c r="K913" s="3"/>
    </row>
    <row r="914" spans="2:11" ht="18" hidden="1" customHeight="1" x14ac:dyDescent="0.4">
      <c r="B914" s="10"/>
      <c r="C914" s="20"/>
      <c r="D914" s="17" t="e">
        <f>VLOOKUP(C914,[1]分類番号!$A$4:$B$1149,2,0)</f>
        <v>#N/A</v>
      </c>
      <c r="E914" s="16"/>
      <c r="G914" s="14"/>
      <c r="H914" s="3"/>
      <c r="I914" s="3"/>
      <c r="J914" s="3"/>
      <c r="K914" s="3"/>
    </row>
    <row r="915" spans="2:11" ht="18" hidden="1" customHeight="1" x14ac:dyDescent="0.4">
      <c r="B915" s="10"/>
      <c r="C915" s="20"/>
      <c r="D915" s="17" t="e">
        <f>VLOOKUP(C915,[1]分類番号!$A$4:$B$1149,2,0)</f>
        <v>#N/A</v>
      </c>
      <c r="E915" s="16"/>
      <c r="G915" s="14"/>
      <c r="H915" s="3"/>
      <c r="I915" s="3"/>
      <c r="J915" s="3"/>
      <c r="K915" s="3"/>
    </row>
    <row r="916" spans="2:11" ht="18" hidden="1" customHeight="1" x14ac:dyDescent="0.4">
      <c r="B916" s="10"/>
      <c r="C916" s="20"/>
      <c r="D916" s="17" t="e">
        <f>VLOOKUP(C916,[1]分類番号!$A$4:$B$1149,2,0)</f>
        <v>#N/A</v>
      </c>
      <c r="E916" s="16"/>
      <c r="G916" s="14"/>
      <c r="H916" s="3"/>
      <c r="I916" s="3"/>
      <c r="J916" s="3"/>
      <c r="K916" s="3"/>
    </row>
    <row r="917" spans="2:11" ht="18" hidden="1" customHeight="1" x14ac:dyDescent="0.4">
      <c r="B917" s="10"/>
      <c r="C917" s="20"/>
      <c r="D917" s="17" t="e">
        <f>VLOOKUP(C917,[1]分類番号!$A$4:$B$1149,2,0)</f>
        <v>#N/A</v>
      </c>
      <c r="E917" s="16"/>
      <c r="G917" s="14"/>
      <c r="H917" s="3"/>
      <c r="I917" s="3"/>
      <c r="J917" s="3"/>
      <c r="K917" s="3"/>
    </row>
    <row r="918" spans="2:11" ht="18" hidden="1" customHeight="1" x14ac:dyDescent="0.4">
      <c r="B918" s="10"/>
      <c r="C918" s="20"/>
      <c r="D918" s="17" t="e">
        <f>VLOOKUP(C918,[1]分類番号!$A$4:$B$1149,2,0)</f>
        <v>#N/A</v>
      </c>
      <c r="E918" s="16"/>
      <c r="G918" s="14"/>
      <c r="H918" s="3"/>
      <c r="I918" s="3"/>
      <c r="J918" s="3"/>
      <c r="K918" s="3"/>
    </row>
    <row r="919" spans="2:11" ht="18" hidden="1" customHeight="1" x14ac:dyDescent="0.4">
      <c r="B919" s="10"/>
      <c r="C919" s="20"/>
      <c r="D919" s="17" t="e">
        <f>VLOOKUP(C919,[1]分類番号!$A$4:$B$1149,2,0)</f>
        <v>#N/A</v>
      </c>
      <c r="E919" s="16"/>
      <c r="G919" s="14"/>
      <c r="H919" s="3"/>
      <c r="I919" s="3"/>
      <c r="J919" s="3"/>
      <c r="K919" s="3"/>
    </row>
    <row r="920" spans="2:11" ht="18" hidden="1" customHeight="1" x14ac:dyDescent="0.4">
      <c r="B920" s="10"/>
      <c r="C920" s="20"/>
      <c r="D920" s="17" t="e">
        <f>VLOOKUP(C920,[1]分類番号!$A$4:$B$1149,2,0)</f>
        <v>#N/A</v>
      </c>
      <c r="E920" s="16"/>
      <c r="G920" s="14"/>
      <c r="H920" s="3"/>
      <c r="I920" s="3"/>
      <c r="J920" s="3"/>
      <c r="K920" s="3"/>
    </row>
    <row r="921" spans="2:11" ht="18" hidden="1" customHeight="1" x14ac:dyDescent="0.4">
      <c r="B921" s="10"/>
      <c r="C921" s="20"/>
      <c r="D921" s="17" t="e">
        <f>VLOOKUP(C921,[1]分類番号!$A$4:$B$1149,2,0)</f>
        <v>#N/A</v>
      </c>
      <c r="E921" s="16"/>
      <c r="G921" s="14"/>
      <c r="H921" s="3"/>
      <c r="I921" s="3"/>
      <c r="J921" s="3"/>
      <c r="K921" s="3"/>
    </row>
    <row r="922" spans="2:11" ht="18" hidden="1" customHeight="1" x14ac:dyDescent="0.4">
      <c r="B922" s="10"/>
      <c r="C922" s="20"/>
      <c r="D922" s="17" t="e">
        <f>VLOOKUP(C922,[1]分類番号!$A$4:$B$1149,2,0)</f>
        <v>#N/A</v>
      </c>
      <c r="E922" s="16"/>
      <c r="G922" s="14"/>
      <c r="H922" s="3"/>
      <c r="I922" s="3"/>
      <c r="J922" s="3"/>
      <c r="K922" s="3"/>
    </row>
    <row r="923" spans="2:11" ht="18" hidden="1" customHeight="1" x14ac:dyDescent="0.4">
      <c r="B923" s="10"/>
      <c r="C923" s="20"/>
      <c r="D923" s="17" t="e">
        <f>VLOOKUP(C923,[1]分類番号!$A$4:$B$1149,2,0)</f>
        <v>#N/A</v>
      </c>
      <c r="E923" s="16"/>
      <c r="G923" s="14"/>
      <c r="H923" s="3"/>
      <c r="I923" s="3"/>
      <c r="J923" s="3"/>
      <c r="K923" s="3"/>
    </row>
    <row r="924" spans="2:11" ht="18" hidden="1" customHeight="1" x14ac:dyDescent="0.4">
      <c r="B924" s="10"/>
      <c r="C924" s="20"/>
      <c r="D924" s="17" t="e">
        <f>VLOOKUP(C924,[1]分類番号!$A$4:$B$1149,2,0)</f>
        <v>#N/A</v>
      </c>
      <c r="E924" s="16"/>
      <c r="G924" s="14"/>
      <c r="H924" s="3"/>
      <c r="I924" s="3"/>
      <c r="J924" s="3"/>
      <c r="K924" s="3"/>
    </row>
    <row r="925" spans="2:11" ht="18" hidden="1" customHeight="1" x14ac:dyDescent="0.4">
      <c r="B925" s="10"/>
      <c r="C925" s="20"/>
      <c r="D925" s="17" t="e">
        <f>VLOOKUP(C925,[1]分類番号!$A$4:$B$1149,2,0)</f>
        <v>#N/A</v>
      </c>
      <c r="E925" s="16"/>
      <c r="G925" s="14"/>
      <c r="H925" s="3"/>
      <c r="I925" s="3"/>
      <c r="J925" s="3"/>
      <c r="K925" s="3"/>
    </row>
    <row r="926" spans="2:11" ht="18" hidden="1" customHeight="1" x14ac:dyDescent="0.4">
      <c r="B926" s="10"/>
      <c r="C926" s="19"/>
      <c r="D926" s="17" t="e">
        <f>VLOOKUP(C926,[1]分類番号!$A$4:$B$1149,2,0)</f>
        <v>#N/A</v>
      </c>
      <c r="E926" s="16"/>
      <c r="G926" s="14"/>
      <c r="H926" s="3"/>
      <c r="I926" s="3"/>
      <c r="J926" s="3"/>
      <c r="K926" s="3"/>
    </row>
    <row r="927" spans="2:11" ht="18" hidden="1" customHeight="1" x14ac:dyDescent="0.4">
      <c r="B927" s="10"/>
      <c r="C927" s="19"/>
      <c r="D927" s="17" t="e">
        <f>VLOOKUP(C927,[1]分類番号!$A$4:$B$1149,2,0)</f>
        <v>#N/A</v>
      </c>
      <c r="E927" s="16"/>
      <c r="G927" s="14"/>
      <c r="H927" s="3"/>
      <c r="I927" s="3"/>
      <c r="J927" s="3"/>
      <c r="K927" s="3"/>
    </row>
    <row r="928" spans="2:11" ht="18" hidden="1" customHeight="1" x14ac:dyDescent="0.4">
      <c r="B928" s="10"/>
      <c r="C928" s="19"/>
      <c r="D928" s="17" t="e">
        <f>VLOOKUP(C928,[1]分類番号!$A$4:$B$1149,2,0)</f>
        <v>#N/A</v>
      </c>
      <c r="E928" s="16"/>
      <c r="G928" s="14"/>
      <c r="H928" s="3"/>
      <c r="I928" s="3"/>
      <c r="J928" s="3"/>
      <c r="K928" s="3"/>
    </row>
    <row r="929" spans="2:11" ht="18" hidden="1" customHeight="1" x14ac:dyDescent="0.4">
      <c r="B929" s="10"/>
      <c r="C929" s="19"/>
      <c r="D929" s="17" t="e">
        <f>VLOOKUP(C929,[1]分類番号!$A$4:$B$1149,2,0)</f>
        <v>#N/A</v>
      </c>
      <c r="E929" s="16"/>
      <c r="G929" s="14"/>
      <c r="H929" s="3"/>
      <c r="I929" s="3"/>
      <c r="J929" s="3"/>
      <c r="K929" s="3"/>
    </row>
    <row r="930" spans="2:11" ht="18" hidden="1" customHeight="1" x14ac:dyDescent="0.4">
      <c r="B930" s="10"/>
      <c r="C930" s="19"/>
      <c r="D930" s="17" t="e">
        <f>VLOOKUP(C930,[1]分類番号!$A$4:$B$1149,2,0)</f>
        <v>#N/A</v>
      </c>
      <c r="E930" s="16"/>
      <c r="G930" s="14"/>
      <c r="H930" s="3"/>
      <c r="I930" s="3"/>
      <c r="J930" s="3"/>
      <c r="K930" s="3"/>
    </row>
    <row r="931" spans="2:11" ht="18" hidden="1" customHeight="1" x14ac:dyDescent="0.4">
      <c r="B931" s="10"/>
      <c r="C931" s="19"/>
      <c r="D931" s="17" t="e">
        <f>VLOOKUP(C931,[1]分類番号!$A$4:$B$1149,2,0)</f>
        <v>#N/A</v>
      </c>
      <c r="E931" s="16"/>
      <c r="G931" s="14"/>
      <c r="H931" s="3"/>
      <c r="I931" s="3"/>
      <c r="J931" s="3"/>
      <c r="K931" s="3"/>
    </row>
    <row r="932" spans="2:11" ht="18" hidden="1" customHeight="1" x14ac:dyDescent="0.4">
      <c r="B932" s="10"/>
      <c r="C932" s="19"/>
      <c r="D932" s="17" t="e">
        <f>VLOOKUP(C932,[1]分類番号!$A$4:$B$1149,2,0)</f>
        <v>#N/A</v>
      </c>
      <c r="E932" s="16"/>
      <c r="G932" s="14"/>
      <c r="H932" s="3"/>
      <c r="I932" s="3"/>
      <c r="J932" s="3"/>
      <c r="K932" s="3"/>
    </row>
    <row r="933" spans="2:11" ht="18" hidden="1" customHeight="1" x14ac:dyDescent="0.4">
      <c r="B933" s="10"/>
      <c r="C933" s="18"/>
      <c r="D933" s="17" t="e">
        <f>VLOOKUP(C933,[1]分類番号!$A$4:$B$1149,2,0)</f>
        <v>#N/A</v>
      </c>
      <c r="E933" s="16"/>
      <c r="G933" s="14"/>
      <c r="H933" s="3"/>
      <c r="I933" s="3"/>
      <c r="J933" s="3"/>
      <c r="K933" s="3"/>
    </row>
    <row r="934" spans="2:11" ht="18" hidden="1" customHeight="1" x14ac:dyDescent="0.4">
      <c r="B934" s="10"/>
      <c r="C934" s="18"/>
      <c r="D934" s="17" t="e">
        <f>VLOOKUP(C934,[1]分類番号!$A$4:$B$1149,2,0)</f>
        <v>#N/A</v>
      </c>
      <c r="E934" s="16"/>
      <c r="G934" s="14"/>
      <c r="H934" s="3"/>
      <c r="I934" s="3"/>
      <c r="J934" s="3"/>
      <c r="K934" s="3"/>
    </row>
    <row r="935" spans="2:11" ht="18" hidden="1" customHeight="1" x14ac:dyDescent="0.4">
      <c r="B935" s="10"/>
      <c r="C935" s="18"/>
      <c r="D935" s="17" t="e">
        <f>VLOOKUP(C935,[1]分類番号!$A$4:$B$1149,2,0)</f>
        <v>#N/A</v>
      </c>
      <c r="E935" s="16"/>
      <c r="G935" s="14"/>
      <c r="H935" s="3"/>
      <c r="I935" s="3"/>
      <c r="J935" s="3"/>
      <c r="K935" s="3"/>
    </row>
    <row r="936" spans="2:11" ht="18" hidden="1" customHeight="1" x14ac:dyDescent="0.4">
      <c r="B936" s="10"/>
      <c r="C936" s="18"/>
      <c r="D936" s="17" t="e">
        <f>VLOOKUP(C936,[1]分類番号!$A$4:$B$1149,2,0)</f>
        <v>#N/A</v>
      </c>
      <c r="E936" s="16"/>
      <c r="G936" s="14"/>
      <c r="H936" s="3"/>
      <c r="I936" s="3"/>
      <c r="J936" s="3"/>
      <c r="K936" s="3"/>
    </row>
    <row r="937" spans="2:11" ht="18" hidden="1" customHeight="1" x14ac:dyDescent="0.4">
      <c r="B937" s="10"/>
      <c r="C937" s="18"/>
      <c r="D937" s="17" t="e">
        <f>VLOOKUP(C937,[1]分類番号!$A$4:$B$1149,2,0)</f>
        <v>#N/A</v>
      </c>
      <c r="E937" s="16"/>
      <c r="G937" s="14"/>
      <c r="H937" s="3"/>
      <c r="I937" s="3"/>
      <c r="J937" s="3"/>
      <c r="K937" s="3"/>
    </row>
    <row r="938" spans="2:11" ht="18" hidden="1" customHeight="1" x14ac:dyDescent="0.4">
      <c r="B938" s="10"/>
      <c r="C938" s="18"/>
      <c r="D938" s="17" t="e">
        <f>VLOOKUP(C938,[1]分類番号!$A$4:$B$1149,2,0)</f>
        <v>#N/A</v>
      </c>
      <c r="E938" s="16"/>
      <c r="G938" s="14"/>
      <c r="H938" s="3"/>
      <c r="I938" s="3"/>
      <c r="J938" s="3"/>
      <c r="K938" s="3"/>
    </row>
    <row r="939" spans="2:11" ht="18" hidden="1" customHeight="1" x14ac:dyDescent="0.4">
      <c r="B939" s="10"/>
      <c r="C939" s="18"/>
      <c r="D939" s="17" t="e">
        <f>VLOOKUP(C939,[1]分類番号!$A$4:$B$1149,2,0)</f>
        <v>#N/A</v>
      </c>
      <c r="E939" s="16"/>
      <c r="G939" s="14"/>
      <c r="H939" s="3"/>
      <c r="I939" s="3"/>
      <c r="J939" s="3"/>
      <c r="K939" s="3"/>
    </row>
    <row r="940" spans="2:11" ht="18" hidden="1" customHeight="1" x14ac:dyDescent="0.4">
      <c r="B940" s="10"/>
      <c r="C940" s="18"/>
      <c r="D940" s="17" t="e">
        <f>VLOOKUP(C940,[1]分類番号!$A$4:$B$1149,2,0)</f>
        <v>#N/A</v>
      </c>
      <c r="E940" s="16"/>
      <c r="G940" s="14"/>
      <c r="H940" s="3"/>
      <c r="I940" s="3"/>
      <c r="J940" s="3"/>
      <c r="K940" s="3"/>
    </row>
    <row r="941" spans="2:11" ht="18" hidden="1" customHeight="1" x14ac:dyDescent="0.4">
      <c r="B941" s="10"/>
      <c r="C941" s="18"/>
      <c r="D941" s="17" t="e">
        <f>VLOOKUP(C941,[1]分類番号!$A$4:$B$1149,2,0)</f>
        <v>#N/A</v>
      </c>
      <c r="E941" s="16"/>
      <c r="G941" s="14"/>
      <c r="H941" s="3"/>
      <c r="I941" s="3"/>
      <c r="J941" s="3"/>
      <c r="K941" s="3"/>
    </row>
    <row r="942" spans="2:11" ht="18" hidden="1" customHeight="1" x14ac:dyDescent="0.4">
      <c r="B942" s="10"/>
      <c r="C942" s="18"/>
      <c r="D942" s="17" t="e">
        <f>VLOOKUP(C942,[1]分類番号!$A$4:$B$1149,2,0)</f>
        <v>#N/A</v>
      </c>
      <c r="E942" s="16"/>
      <c r="G942" s="14"/>
      <c r="H942" s="3"/>
      <c r="I942" s="3"/>
      <c r="J942" s="3"/>
      <c r="K942" s="3"/>
    </row>
    <row r="943" spans="2:11" ht="18" hidden="1" customHeight="1" x14ac:dyDescent="0.4">
      <c r="B943" s="10"/>
      <c r="C943" s="18"/>
      <c r="D943" s="17" t="e">
        <f>VLOOKUP(C943,[1]分類番号!$A$4:$B$1149,2,0)</f>
        <v>#N/A</v>
      </c>
      <c r="E943" s="16"/>
      <c r="G943" s="14"/>
      <c r="H943" s="3"/>
      <c r="I943" s="3"/>
      <c r="J943" s="3"/>
      <c r="K943" s="3"/>
    </row>
    <row r="944" spans="2:11" ht="18" hidden="1" customHeight="1" x14ac:dyDescent="0.4">
      <c r="B944" s="10"/>
      <c r="C944" s="18"/>
      <c r="D944" s="17" t="e">
        <f>VLOOKUP(C944,[1]分類番号!$A$4:$B$1149,2,0)</f>
        <v>#N/A</v>
      </c>
      <c r="E944" s="16"/>
      <c r="G944" s="14"/>
      <c r="H944" s="3"/>
      <c r="I944" s="3"/>
      <c r="J944" s="3"/>
      <c r="K944" s="3"/>
    </row>
    <row r="945" spans="2:11" ht="18" hidden="1" customHeight="1" x14ac:dyDescent="0.4">
      <c r="B945" s="10"/>
      <c r="C945" s="18"/>
      <c r="D945" s="17" t="e">
        <f>VLOOKUP(C945,[1]分類番号!$A$4:$B$1149,2,0)</f>
        <v>#N/A</v>
      </c>
      <c r="E945" s="16"/>
      <c r="G945" s="14"/>
      <c r="H945" s="3"/>
      <c r="I945" s="3"/>
      <c r="J945" s="3"/>
      <c r="K945" s="3"/>
    </row>
    <row r="946" spans="2:11" ht="18" hidden="1" customHeight="1" x14ac:dyDescent="0.4">
      <c r="B946" s="10"/>
      <c r="C946" s="18"/>
      <c r="D946" s="17" t="e">
        <f>VLOOKUP(C946,[1]分類番号!$A$4:$B$1149,2,0)</f>
        <v>#N/A</v>
      </c>
      <c r="E946" s="16"/>
      <c r="G946" s="14"/>
      <c r="H946" s="3"/>
      <c r="I946" s="3"/>
      <c r="J946" s="3"/>
      <c r="K946" s="3"/>
    </row>
    <row r="947" spans="2:11" ht="18" hidden="1" customHeight="1" x14ac:dyDescent="0.4">
      <c r="B947" s="10"/>
      <c r="C947" s="18"/>
      <c r="D947" s="17" t="e">
        <f>VLOOKUP(C947,[1]分類番号!$A$4:$B$1149,2,0)</f>
        <v>#N/A</v>
      </c>
      <c r="E947" s="16"/>
      <c r="G947" s="14"/>
      <c r="H947" s="3"/>
      <c r="I947" s="3"/>
      <c r="J947" s="3"/>
      <c r="K947" s="3"/>
    </row>
    <row r="948" spans="2:11" ht="18" hidden="1" customHeight="1" x14ac:dyDescent="0.4">
      <c r="B948" s="10"/>
      <c r="C948" s="18"/>
      <c r="D948" s="17" t="e">
        <f>VLOOKUP(C948,[1]分類番号!$A$4:$B$1149,2,0)</f>
        <v>#N/A</v>
      </c>
      <c r="E948" s="16"/>
      <c r="G948" s="14"/>
      <c r="H948" s="3"/>
      <c r="I948" s="3"/>
      <c r="J948" s="3"/>
      <c r="K948" s="3"/>
    </row>
    <row r="949" spans="2:11" ht="35.25" hidden="1" customHeight="1" x14ac:dyDescent="0.4">
      <c r="B949" s="10"/>
      <c r="C949" s="18"/>
      <c r="D949" s="17" t="e">
        <f>VLOOKUP(C949,[1]分類番号!$A$4:$B$1149,2,0)</f>
        <v>#N/A</v>
      </c>
      <c r="E949" s="16"/>
      <c r="G949" s="14"/>
      <c r="H949" s="3"/>
      <c r="I949" s="3"/>
      <c r="J949" s="3"/>
      <c r="K949" s="3"/>
    </row>
    <row r="950" spans="2:11" ht="18" hidden="1" customHeight="1" x14ac:dyDescent="0.4">
      <c r="B950" s="10"/>
      <c r="C950" s="18"/>
      <c r="D950" s="17" t="e">
        <f>VLOOKUP(C950,[1]分類番号!$A$4:$B$1149,2,0)</f>
        <v>#N/A</v>
      </c>
      <c r="E950" s="16"/>
      <c r="G950" s="14"/>
      <c r="H950" s="3"/>
      <c r="I950" s="3"/>
      <c r="J950" s="3"/>
      <c r="K950" s="3"/>
    </row>
    <row r="951" spans="2:11" ht="18" hidden="1" customHeight="1" x14ac:dyDescent="0.4">
      <c r="B951" s="10"/>
      <c r="C951" s="18"/>
      <c r="D951" s="17" t="e">
        <f>VLOOKUP(C951,[1]分類番号!$A$4:$B$1149,2,0)</f>
        <v>#N/A</v>
      </c>
      <c r="E951" s="16"/>
      <c r="G951" s="14"/>
      <c r="H951" s="3"/>
      <c r="I951" s="3"/>
      <c r="J951" s="3"/>
      <c r="K951" s="3"/>
    </row>
    <row r="952" spans="2:11" ht="18" hidden="1" customHeight="1" x14ac:dyDescent="0.4">
      <c r="B952" s="10"/>
      <c r="C952" s="18"/>
      <c r="D952" s="17" t="e">
        <f>VLOOKUP(C952,[1]分類番号!$A$4:$B$1149,2,0)</f>
        <v>#N/A</v>
      </c>
      <c r="E952" s="16"/>
      <c r="G952" s="14"/>
      <c r="H952" s="3"/>
      <c r="I952" s="3"/>
      <c r="J952" s="3"/>
      <c r="K952" s="3"/>
    </row>
    <row r="953" spans="2:11" ht="18" hidden="1" customHeight="1" x14ac:dyDescent="0.4">
      <c r="B953" s="10"/>
      <c r="C953" s="18"/>
      <c r="D953" s="17" t="e">
        <f>VLOOKUP(C953,[1]分類番号!$A$4:$B$1149,2,0)</f>
        <v>#N/A</v>
      </c>
      <c r="E953" s="16"/>
      <c r="G953" s="14"/>
      <c r="H953" s="3"/>
      <c r="I953" s="3"/>
      <c r="J953" s="3"/>
      <c r="K953" s="3"/>
    </row>
    <row r="954" spans="2:11" ht="18" hidden="1" customHeight="1" x14ac:dyDescent="0.4">
      <c r="B954" s="10"/>
      <c r="C954" s="18"/>
      <c r="D954" s="17" t="e">
        <f>VLOOKUP(C954,[1]分類番号!$A$4:$B$1149,2,0)</f>
        <v>#N/A</v>
      </c>
      <c r="E954" s="16"/>
      <c r="G954" s="14"/>
      <c r="H954" s="3"/>
      <c r="I954" s="3"/>
      <c r="J954" s="3"/>
      <c r="K954" s="3"/>
    </row>
    <row r="955" spans="2:11" ht="18" hidden="1" customHeight="1" x14ac:dyDescent="0.4">
      <c r="B955" s="10"/>
      <c r="C955" s="18"/>
      <c r="D955" s="17" t="e">
        <f>VLOOKUP(C955,[1]分類番号!$A$4:$B$1149,2,0)</f>
        <v>#N/A</v>
      </c>
      <c r="E955" s="16"/>
      <c r="G955" s="14"/>
      <c r="H955" s="3"/>
      <c r="I955" s="3"/>
      <c r="J955" s="3"/>
      <c r="K955" s="3"/>
    </row>
    <row r="956" spans="2:11" ht="18" hidden="1" customHeight="1" x14ac:dyDescent="0.4">
      <c r="B956" s="10"/>
      <c r="C956" s="18"/>
      <c r="D956" s="17" t="e">
        <f>VLOOKUP(C956,[1]分類番号!$A$4:$B$1149,2,0)</f>
        <v>#N/A</v>
      </c>
      <c r="E956" s="16"/>
      <c r="G956" s="14"/>
      <c r="H956" s="3"/>
      <c r="I956" s="3"/>
      <c r="J956" s="3"/>
      <c r="K956" s="3"/>
    </row>
    <row r="957" spans="2:11" ht="18" hidden="1" customHeight="1" x14ac:dyDescent="0.4">
      <c r="B957" s="10"/>
      <c r="C957" s="18"/>
      <c r="D957" s="17" t="e">
        <f>VLOOKUP(C957,[1]分類番号!$A$4:$B$1149,2,0)</f>
        <v>#N/A</v>
      </c>
      <c r="E957" s="16"/>
      <c r="G957" s="14"/>
      <c r="H957" s="3"/>
      <c r="I957" s="3"/>
      <c r="J957" s="3"/>
      <c r="K957" s="3"/>
    </row>
    <row r="958" spans="2:11" ht="18" hidden="1" customHeight="1" x14ac:dyDescent="0.4">
      <c r="B958" s="10"/>
      <c r="C958" s="18"/>
      <c r="D958" s="17" t="e">
        <f>VLOOKUP(C958,[1]分類番号!$A$4:$B$1149,2,0)</f>
        <v>#N/A</v>
      </c>
      <c r="E958" s="16"/>
      <c r="G958" s="14"/>
      <c r="H958" s="3"/>
      <c r="I958" s="3"/>
      <c r="J958" s="3"/>
      <c r="K958" s="3"/>
    </row>
    <row r="959" spans="2:11" ht="18" hidden="1" customHeight="1" x14ac:dyDescent="0.4">
      <c r="B959" s="10"/>
      <c r="C959" s="18"/>
      <c r="D959" s="17" t="e">
        <f>VLOOKUP(C959,[1]分類番号!$A$4:$B$1149,2,0)</f>
        <v>#N/A</v>
      </c>
      <c r="E959" s="16"/>
      <c r="G959" s="14"/>
      <c r="H959" s="3"/>
      <c r="I959" s="3"/>
      <c r="J959" s="3"/>
      <c r="K959" s="3"/>
    </row>
    <row r="960" spans="2:11" ht="18" hidden="1" customHeight="1" x14ac:dyDescent="0.4">
      <c r="B960" s="10"/>
      <c r="C960" s="18"/>
      <c r="D960" s="17" t="e">
        <f>VLOOKUP(C960,[1]分類番号!$A$4:$B$1149,2,0)</f>
        <v>#N/A</v>
      </c>
      <c r="E960" s="16"/>
      <c r="G960" s="14"/>
      <c r="H960" s="3"/>
      <c r="I960" s="3"/>
      <c r="J960" s="3"/>
      <c r="K960" s="3"/>
    </row>
    <row r="961" spans="2:11" ht="18" hidden="1" customHeight="1" x14ac:dyDescent="0.4">
      <c r="B961" s="10"/>
      <c r="C961" s="18"/>
      <c r="D961" s="17" t="e">
        <f>VLOOKUP(C961,[1]分類番号!$A$4:$B$1149,2,0)</f>
        <v>#N/A</v>
      </c>
      <c r="E961" s="16"/>
      <c r="G961" s="14"/>
      <c r="H961" s="3"/>
      <c r="I961" s="3"/>
      <c r="J961" s="3"/>
      <c r="K961" s="3"/>
    </row>
    <row r="962" spans="2:11" ht="18" hidden="1" customHeight="1" x14ac:dyDescent="0.4">
      <c r="B962" s="10"/>
      <c r="C962" s="18"/>
      <c r="D962" s="17" t="e">
        <f>VLOOKUP(C962,[1]分類番号!$A$4:$B$1149,2,0)</f>
        <v>#N/A</v>
      </c>
      <c r="E962" s="16"/>
      <c r="G962" s="14"/>
      <c r="H962" s="3"/>
      <c r="I962" s="3"/>
      <c r="J962" s="3"/>
      <c r="K962" s="3"/>
    </row>
    <row r="963" spans="2:11" ht="18" hidden="1" customHeight="1" x14ac:dyDescent="0.4">
      <c r="B963" s="10"/>
      <c r="C963" s="18"/>
      <c r="D963" s="17" t="e">
        <f>VLOOKUP(C963,[1]分類番号!$A$4:$B$1149,2,0)</f>
        <v>#N/A</v>
      </c>
      <c r="E963" s="16"/>
      <c r="G963" s="14"/>
      <c r="H963" s="3"/>
      <c r="I963" s="3"/>
      <c r="J963" s="3"/>
      <c r="K963" s="3"/>
    </row>
    <row r="964" spans="2:11" ht="18" hidden="1" customHeight="1" x14ac:dyDescent="0.4">
      <c r="B964" s="10"/>
      <c r="C964" s="18"/>
      <c r="D964" s="17" t="e">
        <f>VLOOKUP(C964,[1]分類番号!$A$4:$B$1149,2,0)</f>
        <v>#N/A</v>
      </c>
      <c r="E964" s="16"/>
      <c r="G964" s="14"/>
      <c r="H964" s="3"/>
      <c r="I964" s="3"/>
      <c r="J964" s="3"/>
      <c r="K964" s="3"/>
    </row>
    <row r="965" spans="2:11" ht="18" hidden="1" customHeight="1" x14ac:dyDescent="0.4">
      <c r="B965" s="10"/>
      <c r="C965" s="18"/>
      <c r="D965" s="17" t="e">
        <f>VLOOKUP(C965,[1]分類番号!$A$4:$B$1149,2,0)</f>
        <v>#N/A</v>
      </c>
      <c r="E965" s="16"/>
      <c r="G965" s="14"/>
      <c r="H965" s="3"/>
      <c r="I965" s="3"/>
      <c r="J965" s="3"/>
      <c r="K965" s="3"/>
    </row>
    <row r="966" spans="2:11" ht="18" hidden="1" customHeight="1" x14ac:dyDescent="0.4">
      <c r="B966" s="10"/>
      <c r="C966" s="18"/>
      <c r="D966" s="17" t="e">
        <f>VLOOKUP(C966,[1]分類番号!$A$4:$B$1149,2,0)</f>
        <v>#N/A</v>
      </c>
      <c r="E966" s="16"/>
      <c r="G966" s="14"/>
      <c r="H966" s="3"/>
      <c r="I966" s="3"/>
      <c r="J966" s="3"/>
      <c r="K966" s="3"/>
    </row>
    <row r="967" spans="2:11" ht="18" hidden="1" customHeight="1" x14ac:dyDescent="0.4">
      <c r="B967" s="10"/>
      <c r="C967" s="18"/>
      <c r="D967" s="17" t="e">
        <f>VLOOKUP(C967,[1]分類番号!$A$4:$B$1149,2,0)</f>
        <v>#N/A</v>
      </c>
      <c r="E967" s="16"/>
      <c r="G967" s="14"/>
      <c r="H967" s="3"/>
      <c r="I967" s="3"/>
      <c r="J967" s="3"/>
      <c r="K967" s="3"/>
    </row>
    <row r="968" spans="2:11" ht="18" hidden="1" customHeight="1" x14ac:dyDescent="0.4">
      <c r="B968" s="10"/>
      <c r="C968" s="18"/>
      <c r="D968" s="17" t="e">
        <f>VLOOKUP(C968,[1]分類番号!$A$4:$B$1149,2,0)</f>
        <v>#N/A</v>
      </c>
      <c r="E968" s="16"/>
      <c r="G968" s="14"/>
      <c r="H968" s="3"/>
      <c r="I968" s="3"/>
      <c r="J968" s="3"/>
      <c r="K968" s="3"/>
    </row>
    <row r="969" spans="2:11" ht="18" hidden="1" customHeight="1" x14ac:dyDescent="0.4">
      <c r="B969" s="10"/>
      <c r="C969" s="18"/>
      <c r="D969" s="17" t="e">
        <f>VLOOKUP(C969,[1]分類番号!$A$4:$B$1149,2,0)</f>
        <v>#N/A</v>
      </c>
      <c r="E969" s="16"/>
      <c r="G969" s="14"/>
      <c r="H969" s="3"/>
      <c r="I969" s="3"/>
      <c r="J969" s="3"/>
      <c r="K969" s="3"/>
    </row>
    <row r="970" spans="2:11" ht="18" hidden="1" customHeight="1" x14ac:dyDescent="0.4">
      <c r="B970" s="10"/>
      <c r="C970" s="18"/>
      <c r="D970" s="17" t="e">
        <f>VLOOKUP(C970,[1]分類番号!$A$4:$B$1149,2,0)</f>
        <v>#N/A</v>
      </c>
      <c r="E970" s="16"/>
      <c r="G970" s="14"/>
      <c r="H970" s="3"/>
      <c r="I970" s="3"/>
      <c r="J970" s="3"/>
      <c r="K970" s="3"/>
    </row>
    <row r="971" spans="2:11" ht="18" hidden="1" customHeight="1" x14ac:dyDescent="0.4">
      <c r="B971" s="10"/>
      <c r="C971" s="18"/>
      <c r="D971" s="17" t="e">
        <f>VLOOKUP(C971,[1]分類番号!$A$4:$B$1149,2,0)</f>
        <v>#N/A</v>
      </c>
      <c r="E971" s="16"/>
      <c r="G971" s="14"/>
      <c r="H971" s="3"/>
      <c r="I971" s="3"/>
      <c r="J971" s="3"/>
      <c r="K971" s="3"/>
    </row>
    <row r="972" spans="2:11" ht="18" hidden="1" customHeight="1" x14ac:dyDescent="0.4">
      <c r="B972" s="10"/>
      <c r="C972" s="18"/>
      <c r="D972" s="17" t="e">
        <f>VLOOKUP(C972,[1]分類番号!$A$4:$B$1149,2,0)</f>
        <v>#N/A</v>
      </c>
      <c r="E972" s="16"/>
      <c r="G972" s="14"/>
      <c r="H972" s="3"/>
      <c r="I972" s="3"/>
      <c r="J972" s="3"/>
      <c r="K972" s="3"/>
    </row>
    <row r="973" spans="2:11" ht="18" hidden="1" customHeight="1" x14ac:dyDescent="0.4">
      <c r="B973" s="10"/>
      <c r="C973" s="18"/>
      <c r="D973" s="17" t="e">
        <f>VLOOKUP(C973,[1]分類番号!$A$4:$B$1149,2,0)</f>
        <v>#N/A</v>
      </c>
      <c r="E973" s="16"/>
      <c r="G973" s="14"/>
      <c r="H973" s="3"/>
      <c r="I973" s="3"/>
      <c r="J973" s="3"/>
      <c r="K973" s="3"/>
    </row>
    <row r="974" spans="2:11" ht="18" hidden="1" customHeight="1" x14ac:dyDescent="0.4">
      <c r="B974" s="10"/>
      <c r="C974" s="18"/>
      <c r="D974" s="17" t="e">
        <f>VLOOKUP(C974,[1]分類番号!$A$4:$B$1149,2,0)</f>
        <v>#N/A</v>
      </c>
      <c r="E974" s="16"/>
      <c r="G974" s="14"/>
      <c r="H974" s="3"/>
      <c r="I974" s="3"/>
      <c r="J974" s="3"/>
      <c r="K974" s="3"/>
    </row>
    <row r="975" spans="2:11" ht="18" hidden="1" customHeight="1" x14ac:dyDescent="0.4">
      <c r="B975" s="10"/>
      <c r="C975" s="18"/>
      <c r="D975" s="17" t="e">
        <f>VLOOKUP(C975,[1]分類番号!$A$4:$B$1149,2,0)</f>
        <v>#N/A</v>
      </c>
      <c r="E975" s="16"/>
      <c r="G975" s="14"/>
      <c r="H975" s="3"/>
      <c r="I975" s="3"/>
      <c r="J975" s="3"/>
      <c r="K975" s="3"/>
    </row>
    <row r="976" spans="2:11" ht="18" hidden="1" customHeight="1" x14ac:dyDescent="0.4">
      <c r="B976" s="10"/>
      <c r="C976" s="18"/>
      <c r="D976" s="17" t="e">
        <f>VLOOKUP(C976,[1]分類番号!$A$4:$B$1149,2,0)</f>
        <v>#N/A</v>
      </c>
      <c r="E976" s="16"/>
      <c r="G976" s="14"/>
      <c r="H976" s="3"/>
      <c r="I976" s="3"/>
      <c r="J976" s="3"/>
      <c r="K976" s="3"/>
    </row>
    <row r="977" spans="2:11" ht="18" hidden="1" customHeight="1" x14ac:dyDescent="0.4">
      <c r="B977" s="10"/>
      <c r="C977" s="18"/>
      <c r="D977" s="17" t="e">
        <f>VLOOKUP(C977,[1]分類番号!$A$4:$B$1149,2,0)</f>
        <v>#N/A</v>
      </c>
      <c r="E977" s="16"/>
      <c r="G977" s="14"/>
      <c r="H977" s="3"/>
      <c r="I977" s="3"/>
      <c r="J977" s="3"/>
      <c r="K977" s="3"/>
    </row>
    <row r="978" spans="2:11" ht="18" hidden="1" customHeight="1" x14ac:dyDescent="0.4">
      <c r="B978" s="10"/>
      <c r="C978" s="18"/>
      <c r="D978" s="17" t="e">
        <f>VLOOKUP(C978,[1]分類番号!$A$4:$B$1149,2,0)</f>
        <v>#N/A</v>
      </c>
      <c r="E978" s="16"/>
      <c r="G978" s="14"/>
      <c r="H978" s="3"/>
      <c r="I978" s="3"/>
      <c r="J978" s="3"/>
      <c r="K978" s="3"/>
    </row>
    <row r="979" spans="2:11" ht="18" hidden="1" customHeight="1" x14ac:dyDescent="0.4">
      <c r="B979" s="10"/>
      <c r="C979" s="18"/>
      <c r="D979" s="17" t="e">
        <f>VLOOKUP(C979,[1]分類番号!$A$4:$B$1149,2,0)</f>
        <v>#N/A</v>
      </c>
      <c r="E979" s="16"/>
      <c r="G979" s="14"/>
      <c r="H979" s="3"/>
      <c r="I979" s="3"/>
      <c r="J979" s="3"/>
      <c r="K979" s="3"/>
    </row>
    <row r="980" spans="2:11" ht="18" hidden="1" customHeight="1" x14ac:dyDescent="0.4">
      <c r="B980" s="10"/>
      <c r="C980" s="18"/>
      <c r="D980" s="17" t="e">
        <f>VLOOKUP(C980,[1]分類番号!$A$4:$B$1149,2,0)</f>
        <v>#N/A</v>
      </c>
      <c r="E980" s="16"/>
      <c r="G980" s="14"/>
      <c r="H980" s="3"/>
      <c r="I980" s="3"/>
      <c r="J980" s="3"/>
      <c r="K980" s="3"/>
    </row>
    <row r="981" spans="2:11" ht="18" hidden="1" customHeight="1" x14ac:dyDescent="0.4">
      <c r="B981" s="10"/>
      <c r="C981" s="18"/>
      <c r="D981" s="17" t="e">
        <f>VLOOKUP(C981,[1]分類番号!$A$4:$B$1149,2,0)</f>
        <v>#N/A</v>
      </c>
      <c r="E981" s="16"/>
      <c r="G981" s="14"/>
      <c r="H981" s="3"/>
      <c r="I981" s="3"/>
      <c r="J981" s="3"/>
      <c r="K981" s="3"/>
    </row>
    <row r="982" spans="2:11" ht="18" hidden="1" customHeight="1" x14ac:dyDescent="0.4">
      <c r="B982" s="10"/>
      <c r="C982" s="18"/>
      <c r="D982" s="17" t="e">
        <f>VLOOKUP(C982,[1]分類番号!$A$4:$B$1149,2,0)</f>
        <v>#N/A</v>
      </c>
      <c r="E982" s="16"/>
      <c r="G982" s="14"/>
      <c r="H982" s="3"/>
      <c r="I982" s="3"/>
      <c r="J982" s="3"/>
      <c r="K982" s="3"/>
    </row>
    <row r="983" spans="2:11" ht="18" hidden="1" customHeight="1" x14ac:dyDescent="0.4">
      <c r="B983" s="10"/>
      <c r="C983" s="18"/>
      <c r="D983" s="17" t="e">
        <f>VLOOKUP(C983,[1]分類番号!$A$4:$B$1149,2,0)</f>
        <v>#N/A</v>
      </c>
      <c r="E983" s="16"/>
      <c r="G983" s="14"/>
      <c r="H983" s="3"/>
      <c r="I983" s="3"/>
      <c r="J983" s="3"/>
      <c r="K983" s="3"/>
    </row>
    <row r="984" spans="2:11" ht="18" hidden="1" customHeight="1" x14ac:dyDescent="0.4">
      <c r="B984" s="10"/>
      <c r="C984" s="18"/>
      <c r="D984" s="17" t="e">
        <f>VLOOKUP(C984,[1]分類番号!$A$4:$B$1149,2,0)</f>
        <v>#N/A</v>
      </c>
      <c r="E984" s="16"/>
      <c r="G984" s="14"/>
      <c r="H984" s="3"/>
      <c r="I984" s="3"/>
      <c r="J984" s="3"/>
      <c r="K984" s="3"/>
    </row>
    <row r="985" spans="2:11" ht="18" hidden="1" customHeight="1" x14ac:dyDescent="0.4">
      <c r="B985" s="10"/>
      <c r="C985" s="18"/>
      <c r="D985" s="17" t="e">
        <f>VLOOKUP(C985,[1]分類番号!$A$4:$B$1149,2,0)</f>
        <v>#N/A</v>
      </c>
      <c r="E985" s="16"/>
      <c r="G985" s="14"/>
      <c r="H985" s="3"/>
      <c r="I985" s="3"/>
      <c r="J985" s="3"/>
      <c r="K985" s="3"/>
    </row>
    <row r="986" spans="2:11" ht="18" hidden="1" customHeight="1" x14ac:dyDescent="0.4">
      <c r="B986" s="10"/>
      <c r="C986" s="18"/>
      <c r="D986" s="17" t="e">
        <f>VLOOKUP(C986,[1]分類番号!$A$4:$B$1149,2,0)</f>
        <v>#N/A</v>
      </c>
      <c r="E986" s="16"/>
      <c r="G986" s="14"/>
      <c r="H986" s="3"/>
      <c r="I986" s="3"/>
      <c r="J986" s="3"/>
      <c r="K986" s="3"/>
    </row>
    <row r="987" spans="2:11" ht="18" hidden="1" customHeight="1" x14ac:dyDescent="0.4">
      <c r="B987" s="10"/>
      <c r="C987" s="18"/>
      <c r="D987" s="17" t="e">
        <f>VLOOKUP(C987,[1]分類番号!$A$4:$B$1149,2,0)</f>
        <v>#N/A</v>
      </c>
      <c r="E987" s="16"/>
      <c r="G987" s="14"/>
      <c r="H987" s="3"/>
      <c r="I987" s="3"/>
      <c r="J987" s="3"/>
      <c r="K987" s="3"/>
    </row>
    <row r="988" spans="2:11" ht="18" hidden="1" customHeight="1" x14ac:dyDescent="0.4">
      <c r="B988" s="10"/>
      <c r="C988" s="18"/>
      <c r="D988" s="17" t="e">
        <f>VLOOKUP(C988,[1]分類番号!$A$4:$B$1149,2,0)</f>
        <v>#N/A</v>
      </c>
      <c r="E988" s="16"/>
      <c r="G988" s="14"/>
      <c r="H988" s="3"/>
      <c r="I988" s="3"/>
      <c r="J988" s="3"/>
      <c r="K988" s="3"/>
    </row>
    <row r="989" spans="2:11" ht="18" hidden="1" customHeight="1" x14ac:dyDescent="0.4">
      <c r="B989" s="10"/>
      <c r="C989" s="18"/>
      <c r="D989" s="17" t="e">
        <f>VLOOKUP(C989,[1]分類番号!$A$4:$B$1149,2,0)</f>
        <v>#N/A</v>
      </c>
      <c r="E989" s="16"/>
      <c r="G989" s="14"/>
      <c r="H989" s="3"/>
      <c r="I989" s="3"/>
      <c r="J989" s="3"/>
      <c r="K989" s="3"/>
    </row>
    <row r="990" spans="2:11" ht="18" hidden="1" customHeight="1" x14ac:dyDescent="0.4">
      <c r="B990" s="10"/>
      <c r="C990" s="18"/>
      <c r="D990" s="17" t="e">
        <f>VLOOKUP(C990,[1]分類番号!$A$4:$B$1149,2,0)</f>
        <v>#N/A</v>
      </c>
      <c r="E990" s="16"/>
      <c r="G990" s="14"/>
      <c r="H990" s="3"/>
      <c r="I990" s="3"/>
      <c r="J990" s="3"/>
      <c r="K990" s="3"/>
    </row>
    <row r="991" spans="2:11" ht="18" hidden="1" customHeight="1" x14ac:dyDescent="0.4">
      <c r="B991" s="10"/>
      <c r="C991" s="18"/>
      <c r="D991" s="17" t="e">
        <f>VLOOKUP(C991,[1]分類番号!$A$4:$B$1149,2,0)</f>
        <v>#N/A</v>
      </c>
      <c r="E991" s="16"/>
      <c r="G991" s="14"/>
      <c r="H991" s="3"/>
      <c r="I991" s="3"/>
      <c r="J991" s="3"/>
      <c r="K991" s="3"/>
    </row>
    <row r="992" spans="2:11" ht="18" hidden="1" customHeight="1" x14ac:dyDescent="0.4">
      <c r="B992" s="10"/>
      <c r="C992" s="18"/>
      <c r="D992" s="17" t="e">
        <f>VLOOKUP(C992,[1]分類番号!$A$4:$B$1149,2,0)</f>
        <v>#N/A</v>
      </c>
      <c r="E992" s="16"/>
      <c r="G992" s="14"/>
      <c r="H992" s="3"/>
      <c r="I992" s="3"/>
      <c r="J992" s="3"/>
      <c r="K992" s="3"/>
    </row>
    <row r="993" spans="2:11" ht="18" hidden="1" customHeight="1" x14ac:dyDescent="0.4">
      <c r="B993" s="10"/>
      <c r="C993" s="18"/>
      <c r="D993" s="17" t="e">
        <f>VLOOKUP(C993,[1]分類番号!$A$4:$B$1149,2,0)</f>
        <v>#N/A</v>
      </c>
      <c r="E993" s="16"/>
      <c r="G993" s="14"/>
      <c r="H993" s="3"/>
      <c r="I993" s="3"/>
      <c r="J993" s="3"/>
      <c r="K993" s="3"/>
    </row>
    <row r="994" spans="2:11" ht="18" hidden="1" customHeight="1" x14ac:dyDescent="0.4">
      <c r="B994" s="10"/>
      <c r="C994" s="18"/>
      <c r="D994" s="17" t="e">
        <f>VLOOKUP(C994,[1]分類番号!$A$4:$B$1149,2,0)</f>
        <v>#N/A</v>
      </c>
      <c r="E994" s="16"/>
      <c r="G994" s="14"/>
      <c r="H994" s="3"/>
      <c r="I994" s="3"/>
      <c r="J994" s="3"/>
      <c r="K994" s="3"/>
    </row>
    <row r="995" spans="2:11" ht="18" hidden="1" customHeight="1" x14ac:dyDescent="0.4">
      <c r="B995" s="10"/>
      <c r="C995" s="18"/>
      <c r="D995" s="17" t="e">
        <f>VLOOKUP(C995,[1]分類番号!$A$4:$B$1149,2,0)</f>
        <v>#N/A</v>
      </c>
      <c r="E995" s="16"/>
      <c r="G995" s="14"/>
      <c r="H995" s="3"/>
      <c r="I995" s="3"/>
      <c r="J995" s="3"/>
      <c r="K995" s="3"/>
    </row>
    <row r="996" spans="2:11" ht="18" hidden="1" customHeight="1" x14ac:dyDescent="0.4">
      <c r="B996" s="10"/>
      <c r="C996" s="18"/>
      <c r="D996" s="17" t="e">
        <f>VLOOKUP(C996,[1]分類番号!$A$4:$B$1149,2,0)</f>
        <v>#N/A</v>
      </c>
      <c r="E996" s="16"/>
      <c r="G996" s="14"/>
      <c r="H996" s="3"/>
      <c r="I996" s="3"/>
      <c r="J996" s="3"/>
      <c r="K996" s="3"/>
    </row>
    <row r="997" spans="2:11" ht="18" hidden="1" customHeight="1" x14ac:dyDescent="0.4">
      <c r="B997" s="10"/>
      <c r="C997" s="18"/>
      <c r="D997" s="17" t="e">
        <f>VLOOKUP(C997,[1]分類番号!$A$4:$B$1149,2,0)</f>
        <v>#N/A</v>
      </c>
      <c r="E997" s="16"/>
      <c r="G997" s="14"/>
      <c r="H997" s="3"/>
      <c r="I997" s="3"/>
      <c r="J997" s="3"/>
      <c r="K997" s="3"/>
    </row>
    <row r="998" spans="2:11" ht="18" hidden="1" customHeight="1" x14ac:dyDescent="0.4">
      <c r="B998" s="10"/>
      <c r="C998" s="18"/>
      <c r="D998" s="17" t="e">
        <f>VLOOKUP(C998,[1]分類番号!$A$4:$B$1149,2,0)</f>
        <v>#N/A</v>
      </c>
      <c r="E998" s="16"/>
      <c r="G998" s="14"/>
      <c r="H998" s="3"/>
      <c r="I998" s="3"/>
      <c r="J998" s="3"/>
      <c r="K998" s="3"/>
    </row>
    <row r="999" spans="2:11" ht="18" hidden="1" customHeight="1" x14ac:dyDescent="0.4">
      <c r="B999" s="10"/>
      <c r="C999" s="18"/>
      <c r="D999" s="17" t="e">
        <f>VLOOKUP(C999,[1]分類番号!$A$4:$B$1149,2,0)</f>
        <v>#N/A</v>
      </c>
      <c r="E999" s="16"/>
      <c r="G999" s="14"/>
      <c r="H999" s="3"/>
      <c r="I999" s="3"/>
      <c r="J999" s="3"/>
      <c r="K999" s="3"/>
    </row>
    <row r="1000" spans="2:11" ht="18" hidden="1" customHeight="1" x14ac:dyDescent="0.4">
      <c r="B1000" s="10"/>
      <c r="C1000" s="18"/>
      <c r="D1000" s="17" t="e">
        <f>VLOOKUP(C1000,[1]分類番号!$A$4:$B$1149,2,0)</f>
        <v>#N/A</v>
      </c>
      <c r="E1000" s="16"/>
      <c r="G1000" s="14"/>
      <c r="H1000" s="3"/>
      <c r="I1000" s="3"/>
      <c r="J1000" s="3"/>
      <c r="K1000" s="3"/>
    </row>
    <row r="1001" spans="2:11" ht="18" hidden="1" customHeight="1" x14ac:dyDescent="0.4">
      <c r="B1001" s="10"/>
      <c r="C1001" s="18"/>
      <c r="D1001" s="17" t="e">
        <f>VLOOKUP(C1001,[1]分類番号!$A$4:$B$1149,2,0)</f>
        <v>#N/A</v>
      </c>
      <c r="E1001" s="16"/>
      <c r="G1001" s="14"/>
      <c r="H1001" s="3"/>
      <c r="I1001" s="3"/>
      <c r="J1001" s="3"/>
      <c r="K1001" s="3"/>
    </row>
    <row r="1002" spans="2:11" ht="18" hidden="1" customHeight="1" x14ac:dyDescent="0.4">
      <c r="B1002" s="10"/>
      <c r="C1002" s="18"/>
      <c r="D1002" s="17" t="e">
        <f>VLOOKUP(C1002,[1]分類番号!$A$4:$B$1149,2,0)</f>
        <v>#N/A</v>
      </c>
      <c r="E1002" s="16"/>
      <c r="G1002" s="14"/>
      <c r="H1002" s="3"/>
      <c r="I1002" s="3"/>
      <c r="J1002" s="3"/>
      <c r="K1002" s="3"/>
    </row>
    <row r="1003" spans="2:11" ht="18" hidden="1" customHeight="1" x14ac:dyDescent="0.4">
      <c r="B1003" s="10"/>
      <c r="C1003" s="18"/>
      <c r="D1003" s="17" t="e">
        <f>VLOOKUP(C1003,[1]分類番号!$A$4:$B$1149,2,0)</f>
        <v>#N/A</v>
      </c>
      <c r="E1003" s="16"/>
      <c r="G1003" s="14"/>
      <c r="H1003" s="3"/>
      <c r="I1003" s="3"/>
      <c r="J1003" s="3"/>
      <c r="K1003" s="3"/>
    </row>
    <row r="1004" spans="2:11" ht="18" hidden="1" customHeight="1" x14ac:dyDescent="0.4">
      <c r="B1004" s="10"/>
      <c r="C1004" s="18"/>
      <c r="D1004" s="17" t="e">
        <f>VLOOKUP(C1004,[1]分類番号!$A$4:$B$1149,2,0)</f>
        <v>#N/A</v>
      </c>
      <c r="E1004" s="16"/>
      <c r="G1004" s="14"/>
      <c r="H1004" s="3"/>
      <c r="I1004" s="3"/>
      <c r="J1004" s="3"/>
      <c r="K1004" s="3"/>
    </row>
    <row r="1005" spans="2:11" ht="18" hidden="1" customHeight="1" x14ac:dyDescent="0.4">
      <c r="B1005" s="10"/>
      <c r="C1005" s="18"/>
      <c r="D1005" s="17" t="e">
        <f>VLOOKUP(C1005,[1]分類番号!$A$4:$B$1149,2,0)</f>
        <v>#N/A</v>
      </c>
      <c r="E1005" s="16"/>
      <c r="G1005" s="14"/>
      <c r="H1005" s="3"/>
      <c r="I1005" s="3"/>
      <c r="J1005" s="3"/>
      <c r="K1005" s="3"/>
    </row>
    <row r="1006" spans="2:11" ht="18" hidden="1" customHeight="1" x14ac:dyDescent="0.4">
      <c r="B1006" s="10"/>
      <c r="C1006" s="18"/>
      <c r="D1006" s="17" t="e">
        <f>VLOOKUP(C1006,[1]分類番号!$A$4:$B$1149,2,0)</f>
        <v>#N/A</v>
      </c>
      <c r="E1006" s="16"/>
      <c r="G1006" s="14"/>
      <c r="H1006" s="3"/>
      <c r="I1006" s="3"/>
      <c r="J1006" s="3"/>
      <c r="K1006" s="3"/>
    </row>
    <row r="1007" spans="2:11" ht="18" hidden="1" customHeight="1" x14ac:dyDescent="0.4">
      <c r="B1007" s="10"/>
      <c r="C1007" s="18"/>
      <c r="D1007" s="17" t="e">
        <f>VLOOKUP(C1007,[1]分類番号!$A$4:$B$1149,2,0)</f>
        <v>#N/A</v>
      </c>
      <c r="E1007" s="16"/>
      <c r="G1007" s="14"/>
      <c r="H1007" s="3"/>
      <c r="I1007" s="3"/>
      <c r="J1007" s="3"/>
      <c r="K1007" s="3"/>
    </row>
    <row r="1008" spans="2:11" ht="18" hidden="1" customHeight="1" x14ac:dyDescent="0.4">
      <c r="B1008" s="10"/>
      <c r="C1008" s="18"/>
      <c r="D1008" s="17" t="e">
        <f>VLOOKUP(C1008,[1]分類番号!$A$4:$B$1149,2,0)</f>
        <v>#N/A</v>
      </c>
      <c r="E1008" s="16"/>
      <c r="G1008" s="14"/>
      <c r="H1008" s="3"/>
      <c r="I1008" s="3"/>
      <c r="J1008" s="3"/>
      <c r="K1008" s="3"/>
    </row>
    <row r="1009" spans="2:11" ht="18" hidden="1" customHeight="1" x14ac:dyDescent="0.4">
      <c r="B1009" s="10"/>
      <c r="C1009" s="18"/>
      <c r="D1009" s="17" t="e">
        <f>VLOOKUP(C1009,[1]分類番号!$A$4:$B$1149,2,0)</f>
        <v>#N/A</v>
      </c>
      <c r="E1009" s="16"/>
      <c r="G1009" s="14"/>
      <c r="H1009" s="3"/>
      <c r="I1009" s="3"/>
      <c r="J1009" s="3"/>
      <c r="K1009" s="3"/>
    </row>
    <row r="1010" spans="2:11" ht="18" hidden="1" customHeight="1" x14ac:dyDescent="0.4">
      <c r="B1010" s="10"/>
      <c r="C1010" s="18"/>
      <c r="D1010" s="17" t="e">
        <f>VLOOKUP(C1010,[1]分類番号!$A$4:$B$1149,2,0)</f>
        <v>#N/A</v>
      </c>
      <c r="E1010" s="16"/>
      <c r="G1010" s="14"/>
      <c r="H1010" s="3"/>
      <c r="I1010" s="3"/>
      <c r="J1010" s="3"/>
      <c r="K1010" s="3"/>
    </row>
    <row r="1011" spans="2:11" ht="18" hidden="1" customHeight="1" x14ac:dyDescent="0.4">
      <c r="B1011" s="10"/>
      <c r="C1011" s="18"/>
      <c r="D1011" s="17" t="e">
        <f>VLOOKUP(C1011,[1]分類番号!$A$4:$B$1149,2,0)</f>
        <v>#N/A</v>
      </c>
      <c r="E1011" s="16"/>
      <c r="G1011" s="14"/>
      <c r="H1011" s="3"/>
      <c r="I1011" s="3"/>
      <c r="J1011" s="3"/>
      <c r="K1011" s="3"/>
    </row>
    <row r="1012" spans="2:11" ht="18" hidden="1" customHeight="1" x14ac:dyDescent="0.4">
      <c r="B1012" s="10"/>
      <c r="C1012" s="18"/>
      <c r="D1012" s="17" t="e">
        <f>VLOOKUP(C1012,[1]分類番号!$A$4:$B$1149,2,0)</f>
        <v>#N/A</v>
      </c>
      <c r="E1012" s="16"/>
      <c r="G1012" s="14"/>
      <c r="H1012" s="3"/>
      <c r="I1012" s="3"/>
      <c r="J1012" s="3"/>
      <c r="K1012" s="3"/>
    </row>
    <row r="1013" spans="2:11" ht="18" hidden="1" customHeight="1" x14ac:dyDescent="0.4">
      <c r="B1013" s="10"/>
      <c r="C1013" s="18"/>
      <c r="D1013" s="17" t="e">
        <f>VLOOKUP(C1013,[1]分類番号!$A$4:$B$1149,2,0)</f>
        <v>#N/A</v>
      </c>
      <c r="E1013" s="16"/>
      <c r="G1013" s="14"/>
      <c r="H1013" s="3"/>
      <c r="I1013" s="3"/>
      <c r="J1013" s="3"/>
      <c r="K1013" s="3"/>
    </row>
    <row r="1014" spans="2:11" ht="18" hidden="1" customHeight="1" x14ac:dyDescent="0.4">
      <c r="B1014" s="10"/>
      <c r="C1014" s="18"/>
      <c r="D1014" s="17" t="e">
        <f>VLOOKUP(C1014,[1]分類番号!$A$4:$B$1149,2,0)</f>
        <v>#N/A</v>
      </c>
      <c r="E1014" s="16"/>
      <c r="G1014" s="14"/>
      <c r="H1014" s="3"/>
      <c r="I1014" s="3"/>
      <c r="J1014" s="3"/>
      <c r="K1014" s="3"/>
    </row>
    <row r="1015" spans="2:11" ht="18" hidden="1" customHeight="1" x14ac:dyDescent="0.4">
      <c r="B1015" s="10"/>
      <c r="C1015" s="18"/>
      <c r="D1015" s="17" t="e">
        <f>VLOOKUP(C1015,[1]分類番号!$A$4:$B$1149,2,0)</f>
        <v>#N/A</v>
      </c>
      <c r="E1015" s="16"/>
      <c r="G1015" s="14"/>
      <c r="H1015" s="3"/>
      <c r="I1015" s="3"/>
      <c r="J1015" s="3"/>
      <c r="K1015" s="3"/>
    </row>
    <row r="1016" spans="2:11" ht="18" hidden="1" customHeight="1" x14ac:dyDescent="0.4">
      <c r="B1016" s="10"/>
      <c r="C1016" s="18"/>
      <c r="D1016" s="17" t="e">
        <f>VLOOKUP(C1016,[1]分類番号!$A$4:$B$1149,2,0)</f>
        <v>#N/A</v>
      </c>
      <c r="E1016" s="16"/>
      <c r="G1016" s="14"/>
      <c r="H1016" s="3"/>
      <c r="I1016" s="3"/>
      <c r="J1016" s="3"/>
      <c r="K1016" s="3"/>
    </row>
    <row r="1017" spans="2:11" ht="18" hidden="1" customHeight="1" x14ac:dyDescent="0.4">
      <c r="B1017" s="10"/>
      <c r="C1017" s="18"/>
      <c r="D1017" s="17" t="e">
        <f>VLOOKUP(C1017,[1]分類番号!$A$4:$B$1149,2,0)</f>
        <v>#N/A</v>
      </c>
      <c r="E1017" s="16"/>
      <c r="G1017" s="14"/>
      <c r="H1017" s="3"/>
      <c r="I1017" s="3"/>
      <c r="J1017" s="3"/>
      <c r="K1017" s="3"/>
    </row>
    <row r="1018" spans="2:11" ht="18" hidden="1" customHeight="1" x14ac:dyDescent="0.4">
      <c r="B1018" s="10"/>
      <c r="C1018" s="18"/>
      <c r="D1018" s="17" t="e">
        <f>VLOOKUP(C1018,[1]分類番号!$A$4:$B$1149,2,0)</f>
        <v>#N/A</v>
      </c>
      <c r="E1018" s="16"/>
      <c r="G1018" s="14"/>
      <c r="H1018" s="3"/>
      <c r="I1018" s="3"/>
      <c r="J1018" s="3"/>
      <c r="K1018" s="3"/>
    </row>
    <row r="1019" spans="2:11" ht="18" hidden="1" customHeight="1" x14ac:dyDescent="0.4">
      <c r="B1019" s="10"/>
      <c r="C1019" s="18"/>
      <c r="D1019" s="17" t="e">
        <f>VLOOKUP(C1019,[1]分類番号!$A$4:$B$1149,2,0)</f>
        <v>#N/A</v>
      </c>
      <c r="E1019" s="16"/>
      <c r="G1019" s="14"/>
      <c r="H1019" s="3"/>
      <c r="I1019" s="3"/>
      <c r="J1019" s="3"/>
      <c r="K1019" s="3"/>
    </row>
    <row r="1020" spans="2:11" ht="18" hidden="1" customHeight="1" x14ac:dyDescent="0.4">
      <c r="B1020" s="10"/>
      <c r="C1020" s="18"/>
      <c r="D1020" s="17" t="e">
        <f>VLOOKUP(C1020,[1]分類番号!$A$4:$B$1149,2,0)</f>
        <v>#N/A</v>
      </c>
      <c r="E1020" s="16"/>
      <c r="G1020" s="14"/>
      <c r="H1020" s="3"/>
      <c r="I1020" s="3"/>
      <c r="J1020" s="3"/>
      <c r="K1020" s="3"/>
    </row>
    <row r="1021" spans="2:11" ht="18" hidden="1" customHeight="1" x14ac:dyDescent="0.4">
      <c r="B1021" s="10"/>
      <c r="C1021" s="18"/>
      <c r="D1021" s="17" t="e">
        <f>VLOOKUP(C1021,[1]分類番号!$A$4:$B$1149,2,0)</f>
        <v>#N/A</v>
      </c>
      <c r="E1021" s="16"/>
      <c r="G1021" s="14"/>
      <c r="H1021" s="3"/>
      <c r="I1021" s="3"/>
      <c r="J1021" s="3"/>
      <c r="K1021" s="3"/>
    </row>
    <row r="1022" spans="2:11" ht="18" hidden="1" customHeight="1" x14ac:dyDescent="0.4">
      <c r="B1022" s="10"/>
      <c r="C1022" s="18"/>
      <c r="D1022" s="17" t="e">
        <f>VLOOKUP(C1022,[1]分類番号!$A$4:$B$1149,2,0)</f>
        <v>#N/A</v>
      </c>
      <c r="E1022" s="16"/>
      <c r="G1022" s="14"/>
      <c r="H1022" s="3"/>
      <c r="I1022" s="3"/>
      <c r="J1022" s="3"/>
      <c r="K1022" s="3"/>
    </row>
    <row r="1023" spans="2:11" ht="18" hidden="1" customHeight="1" x14ac:dyDescent="0.4">
      <c r="B1023" s="10"/>
      <c r="C1023" s="18"/>
      <c r="D1023" s="17" t="e">
        <f>VLOOKUP(C1023,[1]分類番号!$A$4:$B$1149,2,0)</f>
        <v>#N/A</v>
      </c>
      <c r="E1023" s="16"/>
      <c r="G1023" s="14"/>
      <c r="H1023" s="3"/>
      <c r="I1023" s="3"/>
      <c r="J1023" s="3"/>
      <c r="K1023" s="3"/>
    </row>
    <row r="1024" spans="2:11" ht="18" hidden="1" customHeight="1" x14ac:dyDescent="0.4">
      <c r="B1024" s="10"/>
      <c r="C1024" s="18"/>
      <c r="D1024" s="17" t="e">
        <f>VLOOKUP(C1024,[1]分類番号!$A$4:$B$1149,2,0)</f>
        <v>#N/A</v>
      </c>
      <c r="E1024" s="16"/>
      <c r="G1024" s="14"/>
      <c r="H1024" s="3"/>
      <c r="I1024" s="3"/>
      <c r="J1024" s="3"/>
      <c r="K1024" s="3"/>
    </row>
    <row r="1025" spans="2:11" ht="18" hidden="1" customHeight="1" x14ac:dyDescent="0.4">
      <c r="B1025" s="10"/>
      <c r="C1025" s="18"/>
      <c r="D1025" s="17" t="e">
        <f>VLOOKUP(C1025,[1]分類番号!$A$4:$B$1149,2,0)</f>
        <v>#N/A</v>
      </c>
      <c r="E1025" s="16"/>
      <c r="G1025" s="14"/>
      <c r="H1025" s="3"/>
      <c r="I1025" s="3"/>
      <c r="J1025" s="3"/>
      <c r="K1025" s="3"/>
    </row>
    <row r="1026" spans="2:11" ht="18" hidden="1" customHeight="1" x14ac:dyDescent="0.4">
      <c r="B1026" s="10"/>
      <c r="C1026" s="18"/>
      <c r="D1026" s="17" t="e">
        <f>VLOOKUP(C1026,[1]分類番号!$A$4:$B$1149,2,0)</f>
        <v>#N/A</v>
      </c>
      <c r="E1026" s="16"/>
      <c r="G1026" s="14"/>
      <c r="H1026" s="3"/>
      <c r="I1026" s="3"/>
      <c r="J1026" s="3"/>
      <c r="K1026" s="3"/>
    </row>
    <row r="1027" spans="2:11" ht="18" hidden="1" customHeight="1" x14ac:dyDescent="0.4">
      <c r="B1027" s="10"/>
      <c r="C1027" s="18"/>
      <c r="D1027" s="17" t="e">
        <f>VLOOKUP(C1027,[1]分類番号!$A$4:$B$1149,2,0)</f>
        <v>#N/A</v>
      </c>
      <c r="E1027" s="16"/>
      <c r="G1027" s="14"/>
      <c r="H1027" s="3"/>
      <c r="I1027" s="3"/>
      <c r="J1027" s="3"/>
      <c r="K1027" s="3"/>
    </row>
    <row r="1028" spans="2:11" ht="18" hidden="1" customHeight="1" x14ac:dyDescent="0.4">
      <c r="B1028" s="10"/>
      <c r="C1028" s="18"/>
      <c r="D1028" s="17" t="e">
        <f>VLOOKUP(C1028,[1]分類番号!$A$4:$B$1149,2,0)</f>
        <v>#N/A</v>
      </c>
      <c r="E1028" s="16"/>
      <c r="G1028" s="14"/>
      <c r="H1028" s="3"/>
      <c r="I1028" s="3"/>
      <c r="J1028" s="3"/>
      <c r="K1028" s="3"/>
    </row>
    <row r="1029" spans="2:11" ht="18" hidden="1" customHeight="1" x14ac:dyDescent="0.4">
      <c r="B1029" s="10"/>
      <c r="C1029" s="18"/>
      <c r="D1029" s="17" t="e">
        <f>VLOOKUP(C1029,[1]分類番号!$A$4:$B$1149,2,0)</f>
        <v>#N/A</v>
      </c>
      <c r="E1029" s="16"/>
      <c r="G1029" s="14"/>
      <c r="H1029" s="3"/>
      <c r="I1029" s="3"/>
      <c r="J1029" s="3"/>
      <c r="K1029" s="3"/>
    </row>
    <row r="1030" spans="2:11" ht="18" hidden="1" customHeight="1" x14ac:dyDescent="0.4">
      <c r="B1030" s="10"/>
      <c r="C1030" s="18"/>
      <c r="D1030" s="17" t="e">
        <f>VLOOKUP(C1030,[1]分類番号!$A$4:$B$1149,2,0)</f>
        <v>#N/A</v>
      </c>
      <c r="E1030" s="16"/>
      <c r="G1030" s="14"/>
      <c r="H1030" s="3"/>
      <c r="I1030" s="3"/>
      <c r="J1030" s="3"/>
      <c r="K1030" s="3"/>
    </row>
    <row r="1031" spans="2:11" ht="18" hidden="1" customHeight="1" x14ac:dyDescent="0.4">
      <c r="B1031" s="10"/>
      <c r="C1031" s="18"/>
      <c r="D1031" s="17" t="e">
        <f>VLOOKUP(C1031,[1]分類番号!$A$4:$B$1149,2,0)</f>
        <v>#N/A</v>
      </c>
      <c r="E1031" s="16"/>
      <c r="G1031" s="14"/>
      <c r="H1031" s="3"/>
      <c r="I1031" s="3"/>
      <c r="J1031" s="3"/>
      <c r="K1031" s="3"/>
    </row>
    <row r="1032" spans="2:11" ht="18" hidden="1" customHeight="1" x14ac:dyDescent="0.4">
      <c r="B1032" s="10"/>
      <c r="C1032" s="18"/>
      <c r="D1032" s="17" t="e">
        <f>VLOOKUP(C1032,[1]分類番号!$A$4:$B$1149,2,0)</f>
        <v>#N/A</v>
      </c>
      <c r="E1032" s="16"/>
      <c r="G1032" s="14"/>
      <c r="H1032" s="3"/>
      <c r="I1032" s="3"/>
      <c r="J1032" s="3"/>
      <c r="K1032" s="3"/>
    </row>
    <row r="1033" spans="2:11" ht="18" hidden="1" customHeight="1" x14ac:dyDescent="0.4">
      <c r="B1033" s="10"/>
      <c r="C1033" s="18"/>
      <c r="D1033" s="17" t="e">
        <f>VLOOKUP(C1033,[1]分類番号!$A$4:$B$1149,2,0)</f>
        <v>#N/A</v>
      </c>
      <c r="E1033" s="16"/>
      <c r="G1033" s="14"/>
      <c r="H1033" s="3"/>
      <c r="I1033" s="3"/>
      <c r="J1033" s="3"/>
      <c r="K1033" s="3"/>
    </row>
    <row r="1034" spans="2:11" ht="18" hidden="1" customHeight="1" x14ac:dyDescent="0.4">
      <c r="B1034" s="10"/>
      <c r="C1034" s="18"/>
      <c r="D1034" s="17" t="e">
        <f>VLOOKUP(C1034,[1]分類番号!$A$4:$B$1149,2,0)</f>
        <v>#N/A</v>
      </c>
      <c r="E1034" s="16"/>
      <c r="G1034" s="14"/>
      <c r="H1034" s="3"/>
      <c r="I1034" s="3"/>
      <c r="J1034" s="3"/>
      <c r="K1034" s="3"/>
    </row>
    <row r="1035" spans="2:11" ht="18" hidden="1" customHeight="1" x14ac:dyDescent="0.4">
      <c r="B1035" s="10"/>
      <c r="C1035" s="18"/>
      <c r="D1035" s="17" t="e">
        <f>VLOOKUP(C1035,[1]分類番号!$A$4:$B$1149,2,0)</f>
        <v>#N/A</v>
      </c>
      <c r="E1035" s="16"/>
      <c r="G1035" s="14"/>
      <c r="H1035" s="3"/>
      <c r="I1035" s="3"/>
      <c r="J1035" s="3"/>
      <c r="K1035" s="3"/>
    </row>
    <row r="1036" spans="2:11" ht="18" hidden="1" customHeight="1" x14ac:dyDescent="0.4">
      <c r="B1036" s="10"/>
      <c r="C1036" s="18"/>
      <c r="D1036" s="17" t="e">
        <f>VLOOKUP(C1036,[1]分類番号!$A$4:$B$1149,2,0)</f>
        <v>#N/A</v>
      </c>
      <c r="E1036" s="16"/>
      <c r="G1036" s="14"/>
      <c r="H1036" s="3"/>
      <c r="I1036" s="3"/>
      <c r="J1036" s="3"/>
      <c r="K1036" s="3"/>
    </row>
    <row r="1037" spans="2:11" ht="18" hidden="1" customHeight="1" x14ac:dyDescent="0.4">
      <c r="B1037" s="10"/>
      <c r="C1037" s="18"/>
      <c r="D1037" s="17" t="e">
        <f>VLOOKUP(C1037,[1]分類番号!$A$4:$B$1149,2,0)</f>
        <v>#N/A</v>
      </c>
      <c r="E1037" s="16"/>
      <c r="G1037" s="14"/>
      <c r="H1037" s="3"/>
      <c r="I1037" s="3"/>
      <c r="J1037" s="3"/>
      <c r="K1037" s="3"/>
    </row>
    <row r="1038" spans="2:11" ht="18" hidden="1" customHeight="1" x14ac:dyDescent="0.4">
      <c r="B1038" s="10"/>
      <c r="C1038" s="18"/>
      <c r="D1038" s="17" t="e">
        <f>VLOOKUP(C1038,[1]分類番号!$A$4:$B$1149,2,0)</f>
        <v>#N/A</v>
      </c>
      <c r="E1038" s="16"/>
      <c r="G1038" s="14"/>
      <c r="H1038" s="3"/>
      <c r="I1038" s="3"/>
      <c r="J1038" s="3"/>
      <c r="K1038" s="3"/>
    </row>
    <row r="1039" spans="2:11" ht="18" hidden="1" customHeight="1" x14ac:dyDescent="0.4">
      <c r="B1039" s="10"/>
      <c r="C1039" s="18"/>
      <c r="D1039" s="17" t="e">
        <f>VLOOKUP(C1039,[1]分類番号!$A$4:$B$1149,2,0)</f>
        <v>#N/A</v>
      </c>
      <c r="E1039" s="16"/>
      <c r="G1039" s="14"/>
      <c r="H1039" s="3"/>
      <c r="I1039" s="3"/>
      <c r="J1039" s="3"/>
      <c r="K1039" s="3"/>
    </row>
    <row r="1040" spans="2:11" ht="18" hidden="1" customHeight="1" x14ac:dyDescent="0.4">
      <c r="B1040" s="10"/>
      <c r="C1040" s="18"/>
      <c r="D1040" s="17" t="e">
        <f>VLOOKUP(C1040,[1]分類番号!$A$4:$B$1149,2,0)</f>
        <v>#N/A</v>
      </c>
      <c r="E1040" s="16"/>
      <c r="G1040" s="14"/>
      <c r="H1040" s="3"/>
      <c r="I1040" s="3"/>
      <c r="J1040" s="3"/>
      <c r="K1040" s="3"/>
    </row>
    <row r="1041" spans="2:11" ht="18" hidden="1" customHeight="1" x14ac:dyDescent="0.4">
      <c r="B1041" s="10"/>
      <c r="C1041" s="18"/>
      <c r="D1041" s="17" t="e">
        <f>VLOOKUP(C1041,[1]分類番号!$A$4:$B$1149,2,0)</f>
        <v>#N/A</v>
      </c>
      <c r="E1041" s="16"/>
      <c r="G1041" s="14"/>
      <c r="H1041" s="3"/>
      <c r="I1041" s="3"/>
      <c r="J1041" s="3"/>
      <c r="K1041" s="3"/>
    </row>
    <row r="1042" spans="2:11" ht="18" hidden="1" customHeight="1" x14ac:dyDescent="0.4">
      <c r="B1042" s="10"/>
      <c r="C1042" s="18"/>
      <c r="D1042" s="17" t="e">
        <f>VLOOKUP(C1042,[1]分類番号!$A$4:$B$1149,2,0)</f>
        <v>#N/A</v>
      </c>
      <c r="E1042" s="16"/>
      <c r="G1042" s="14"/>
      <c r="H1042" s="3"/>
      <c r="I1042" s="3"/>
      <c r="J1042" s="3"/>
      <c r="K1042" s="3"/>
    </row>
    <row r="1043" spans="2:11" ht="18" hidden="1" customHeight="1" x14ac:dyDescent="0.4">
      <c r="B1043" s="10"/>
      <c r="C1043" s="18"/>
      <c r="D1043" s="17" t="e">
        <f>VLOOKUP(C1043,[1]分類番号!$A$4:$B$1149,2,0)</f>
        <v>#N/A</v>
      </c>
      <c r="E1043" s="16"/>
      <c r="G1043" s="14"/>
      <c r="H1043" s="3"/>
      <c r="I1043" s="3"/>
      <c r="J1043" s="3"/>
      <c r="K1043" s="3"/>
    </row>
    <row r="1044" spans="2:11" ht="18" hidden="1" customHeight="1" x14ac:dyDescent="0.4">
      <c r="B1044" s="10"/>
      <c r="C1044" s="18"/>
      <c r="D1044" s="17" t="e">
        <f>VLOOKUP(C1044,[1]分類番号!$A$4:$B$1149,2,0)</f>
        <v>#N/A</v>
      </c>
      <c r="E1044" s="16"/>
      <c r="G1044" s="14"/>
      <c r="H1044" s="3"/>
      <c r="I1044" s="3"/>
      <c r="J1044" s="3"/>
      <c r="K1044" s="3"/>
    </row>
    <row r="1045" spans="2:11" ht="18" hidden="1" customHeight="1" x14ac:dyDescent="0.4">
      <c r="B1045" s="10"/>
      <c r="C1045" s="18"/>
      <c r="D1045" s="17" t="e">
        <f>VLOOKUP(C1045,[1]分類番号!$A$4:$B$1149,2,0)</f>
        <v>#N/A</v>
      </c>
      <c r="E1045" s="16"/>
      <c r="G1045" s="14"/>
      <c r="H1045" s="3"/>
      <c r="I1045" s="3"/>
      <c r="J1045" s="3"/>
      <c r="K1045" s="3"/>
    </row>
    <row r="1046" spans="2:11" ht="18" hidden="1" customHeight="1" x14ac:dyDescent="0.4">
      <c r="B1046" s="10"/>
      <c r="C1046" s="18"/>
      <c r="D1046" s="17" t="e">
        <f>VLOOKUP(C1046,[1]分類番号!$A$4:$B$1149,2,0)</f>
        <v>#N/A</v>
      </c>
      <c r="E1046" s="16"/>
      <c r="G1046" s="14"/>
      <c r="H1046" s="3"/>
      <c r="I1046" s="3"/>
      <c r="J1046" s="3"/>
      <c r="K1046" s="3"/>
    </row>
    <row r="1047" spans="2:11" ht="18" hidden="1" customHeight="1" x14ac:dyDescent="0.4">
      <c r="B1047" s="10"/>
      <c r="C1047" s="18"/>
      <c r="D1047" s="17" t="e">
        <f>VLOOKUP(C1047,[1]分類番号!$A$4:$B$1149,2,0)</f>
        <v>#N/A</v>
      </c>
      <c r="E1047" s="16"/>
      <c r="G1047" s="14"/>
      <c r="H1047" s="3"/>
      <c r="I1047" s="3"/>
      <c r="J1047" s="3"/>
      <c r="K1047" s="3"/>
    </row>
    <row r="1048" spans="2:11" ht="18" hidden="1" customHeight="1" x14ac:dyDescent="0.4">
      <c r="B1048" s="10"/>
      <c r="C1048" s="18"/>
      <c r="D1048" s="17" t="e">
        <f>VLOOKUP(C1048,[1]分類番号!$A$4:$B$1149,2,0)</f>
        <v>#N/A</v>
      </c>
      <c r="E1048" s="16"/>
      <c r="G1048" s="14"/>
      <c r="H1048" s="3"/>
      <c r="I1048" s="3"/>
      <c r="J1048" s="3"/>
      <c r="K1048" s="3"/>
    </row>
    <row r="1049" spans="2:11" ht="18" hidden="1" customHeight="1" x14ac:dyDescent="0.4">
      <c r="B1049" s="10"/>
      <c r="C1049" s="18"/>
      <c r="D1049" s="17" t="e">
        <f>VLOOKUP(C1049,[1]分類番号!$A$4:$B$1149,2,0)</f>
        <v>#N/A</v>
      </c>
      <c r="E1049" s="16"/>
      <c r="G1049" s="14"/>
      <c r="H1049" s="3"/>
      <c r="I1049" s="3"/>
      <c r="J1049" s="3"/>
      <c r="K1049" s="3"/>
    </row>
    <row r="1050" spans="2:11" ht="18" hidden="1" customHeight="1" x14ac:dyDescent="0.4">
      <c r="B1050" s="10"/>
      <c r="C1050" s="18"/>
      <c r="D1050" s="17" t="e">
        <f>VLOOKUP(C1050,[1]分類番号!$A$4:$B$1149,2,0)</f>
        <v>#N/A</v>
      </c>
      <c r="E1050" s="16"/>
      <c r="G1050" s="14"/>
      <c r="H1050" s="3"/>
      <c r="I1050" s="3"/>
      <c r="J1050" s="3"/>
      <c r="K1050" s="3"/>
    </row>
    <row r="1051" spans="2:11" ht="18" hidden="1" customHeight="1" x14ac:dyDescent="0.4">
      <c r="B1051" s="10"/>
      <c r="C1051" s="18"/>
      <c r="D1051" s="17" t="e">
        <f>VLOOKUP(C1051,[1]分類番号!$A$4:$B$1149,2,0)</f>
        <v>#N/A</v>
      </c>
      <c r="E1051" s="16"/>
      <c r="G1051" s="14"/>
      <c r="H1051" s="3"/>
      <c r="I1051" s="3"/>
      <c r="J1051" s="3"/>
      <c r="K1051" s="3"/>
    </row>
    <row r="1052" spans="2:11" ht="18" hidden="1" customHeight="1" x14ac:dyDescent="0.4">
      <c r="B1052" s="10"/>
      <c r="C1052" s="18"/>
      <c r="D1052" s="17" t="e">
        <f>VLOOKUP(C1052,[1]分類番号!$A$4:$B$1149,2,0)</f>
        <v>#N/A</v>
      </c>
      <c r="E1052" s="16"/>
      <c r="G1052" s="14"/>
      <c r="H1052" s="3"/>
      <c r="I1052" s="3"/>
      <c r="J1052" s="3"/>
      <c r="K1052" s="3"/>
    </row>
    <row r="1053" spans="2:11" ht="18" hidden="1" customHeight="1" x14ac:dyDescent="0.4">
      <c r="B1053" s="10"/>
      <c r="C1053" s="18"/>
      <c r="D1053" s="17" t="e">
        <f>VLOOKUP(C1053,[1]分類番号!$A$4:$B$1149,2,0)</f>
        <v>#N/A</v>
      </c>
      <c r="E1053" s="16"/>
      <c r="G1053" s="14"/>
      <c r="H1053" s="3"/>
      <c r="I1053" s="3"/>
      <c r="J1053" s="3"/>
      <c r="K1053" s="3"/>
    </row>
    <row r="1054" spans="2:11" ht="18" hidden="1" customHeight="1" x14ac:dyDescent="0.4">
      <c r="B1054" s="10"/>
      <c r="C1054" s="18"/>
      <c r="D1054" s="17" t="e">
        <f>VLOOKUP(C1054,[1]分類番号!$A$4:$B$1149,2,0)</f>
        <v>#N/A</v>
      </c>
      <c r="E1054" s="16"/>
      <c r="G1054" s="14"/>
      <c r="H1054" s="3"/>
      <c r="I1054" s="3"/>
      <c r="J1054" s="3"/>
      <c r="K1054" s="3"/>
    </row>
    <row r="1055" spans="2:11" ht="18" hidden="1" customHeight="1" x14ac:dyDescent="0.4">
      <c r="B1055" s="10"/>
      <c r="C1055" s="18"/>
      <c r="D1055" s="17" t="e">
        <f>VLOOKUP(C1055,[1]分類番号!$A$4:$B$1149,2,0)</f>
        <v>#N/A</v>
      </c>
      <c r="E1055" s="16"/>
      <c r="G1055" s="14"/>
      <c r="H1055" s="3"/>
      <c r="I1055" s="3"/>
      <c r="J1055" s="3"/>
      <c r="K1055" s="3"/>
    </row>
    <row r="1056" spans="2:11" ht="18" hidden="1" customHeight="1" x14ac:dyDescent="0.4">
      <c r="B1056" s="10"/>
      <c r="C1056" s="18"/>
      <c r="D1056" s="17" t="e">
        <f>VLOOKUP(C1056,[1]分類番号!$A$4:$B$1149,2,0)</f>
        <v>#N/A</v>
      </c>
      <c r="E1056" s="16"/>
      <c r="G1056" s="14"/>
      <c r="H1056" s="3"/>
      <c r="I1056" s="3"/>
      <c r="J1056" s="3"/>
      <c r="K1056" s="3"/>
    </row>
    <row r="1057" spans="2:11" ht="18" hidden="1" customHeight="1" x14ac:dyDescent="0.4">
      <c r="B1057" s="10"/>
      <c r="C1057" s="18"/>
      <c r="D1057" s="17" t="e">
        <f>VLOOKUP(C1057,[1]分類番号!$A$4:$B$1149,2,0)</f>
        <v>#N/A</v>
      </c>
      <c r="E1057" s="16"/>
      <c r="G1057" s="14"/>
      <c r="H1057" s="3"/>
      <c r="I1057" s="3"/>
      <c r="J1057" s="3"/>
      <c r="K1057" s="3"/>
    </row>
    <row r="1058" spans="2:11" ht="18" hidden="1" customHeight="1" x14ac:dyDescent="0.4">
      <c r="B1058" s="10"/>
      <c r="C1058" s="18"/>
      <c r="D1058" s="17" t="e">
        <f>VLOOKUP(C1058,[1]分類番号!$A$4:$B$1149,2,0)</f>
        <v>#N/A</v>
      </c>
      <c r="E1058" s="16"/>
      <c r="G1058" s="14"/>
      <c r="H1058" s="3"/>
      <c r="I1058" s="3"/>
      <c r="J1058" s="3"/>
      <c r="K1058" s="3"/>
    </row>
    <row r="1059" spans="2:11" ht="18" hidden="1" customHeight="1" x14ac:dyDescent="0.4">
      <c r="B1059" s="10"/>
      <c r="C1059" s="18"/>
      <c r="D1059" s="17" t="e">
        <f>VLOOKUP(C1059,[1]分類番号!$A$4:$B$1149,2,0)</f>
        <v>#N/A</v>
      </c>
      <c r="E1059" s="16"/>
      <c r="G1059" s="14"/>
      <c r="H1059" s="3"/>
      <c r="I1059" s="3"/>
      <c r="J1059" s="3"/>
      <c r="K1059" s="3"/>
    </row>
    <row r="1060" spans="2:11" ht="18" hidden="1" customHeight="1" x14ac:dyDescent="0.4">
      <c r="B1060" s="10"/>
      <c r="C1060" s="18"/>
      <c r="D1060" s="17" t="e">
        <f>VLOOKUP(C1060,[1]分類番号!$A$4:$B$1149,2,0)</f>
        <v>#N/A</v>
      </c>
      <c r="E1060" s="16"/>
      <c r="G1060" s="14"/>
      <c r="H1060" s="3"/>
      <c r="I1060" s="3"/>
      <c r="J1060" s="3"/>
      <c r="K1060" s="3"/>
    </row>
    <row r="1061" spans="2:11" ht="18" hidden="1" customHeight="1" x14ac:dyDescent="0.4">
      <c r="B1061" s="10"/>
      <c r="C1061" s="18"/>
      <c r="D1061" s="17" t="e">
        <f>VLOOKUP(C1061,[1]分類番号!$A$4:$B$1149,2,0)</f>
        <v>#N/A</v>
      </c>
      <c r="E1061" s="16"/>
      <c r="G1061" s="14"/>
      <c r="H1061" s="3"/>
      <c r="I1061" s="3"/>
      <c r="J1061" s="3"/>
      <c r="K1061" s="3"/>
    </row>
    <row r="1062" spans="2:11" ht="18" hidden="1" customHeight="1" x14ac:dyDescent="0.4">
      <c r="B1062" s="10"/>
      <c r="C1062" s="18"/>
      <c r="D1062" s="17" t="e">
        <f>VLOOKUP(C1062,[1]分類番号!$A$4:$B$1149,2,0)</f>
        <v>#N/A</v>
      </c>
      <c r="E1062" s="16"/>
      <c r="G1062" s="14"/>
      <c r="H1062" s="3"/>
      <c r="I1062" s="3"/>
      <c r="J1062" s="3"/>
      <c r="K1062" s="3"/>
    </row>
    <row r="1063" spans="2:11" ht="18" hidden="1" customHeight="1" x14ac:dyDescent="0.4">
      <c r="B1063" s="10"/>
      <c r="C1063" s="18"/>
      <c r="D1063" s="17" t="e">
        <f>VLOOKUP(C1063,[1]分類番号!$A$4:$B$1149,2,0)</f>
        <v>#N/A</v>
      </c>
      <c r="E1063" s="16"/>
      <c r="G1063" s="14"/>
      <c r="H1063" s="3"/>
      <c r="I1063" s="3"/>
      <c r="J1063" s="3"/>
      <c r="K1063" s="3"/>
    </row>
    <row r="1064" spans="2:11" ht="18" hidden="1" customHeight="1" x14ac:dyDescent="0.4">
      <c r="B1064" s="10"/>
      <c r="C1064" s="18"/>
      <c r="D1064" s="17" t="e">
        <f>VLOOKUP(C1064,[1]分類番号!$A$4:$B$1149,2,0)</f>
        <v>#N/A</v>
      </c>
      <c r="E1064" s="16"/>
      <c r="G1064" s="14"/>
      <c r="H1064" s="3"/>
      <c r="I1064" s="3"/>
      <c r="J1064" s="3"/>
      <c r="K1064" s="3"/>
    </row>
    <row r="1065" spans="2:11" ht="18" hidden="1" customHeight="1" x14ac:dyDescent="0.4">
      <c r="B1065" s="10"/>
      <c r="C1065" s="18"/>
      <c r="D1065" s="17" t="e">
        <f>VLOOKUP(C1065,[1]分類番号!$A$4:$B$1149,2,0)</f>
        <v>#N/A</v>
      </c>
      <c r="E1065" s="16"/>
      <c r="G1065" s="14"/>
      <c r="H1065" s="3"/>
      <c r="I1065" s="3"/>
      <c r="J1065" s="3"/>
      <c r="K1065" s="3"/>
    </row>
    <row r="1066" spans="2:11" ht="18" hidden="1" customHeight="1" x14ac:dyDescent="0.4">
      <c r="B1066" s="10"/>
      <c r="C1066" s="18"/>
      <c r="D1066" s="17" t="e">
        <f>VLOOKUP(C1066,[1]分類番号!$A$4:$B$1149,2,0)</f>
        <v>#N/A</v>
      </c>
      <c r="E1066" s="16"/>
      <c r="G1066" s="14"/>
      <c r="H1066" s="3"/>
      <c r="I1066" s="3"/>
      <c r="J1066" s="3"/>
      <c r="K1066" s="3"/>
    </row>
    <row r="1067" spans="2:11" ht="18" hidden="1" customHeight="1" x14ac:dyDescent="0.4">
      <c r="B1067" s="10"/>
      <c r="C1067" s="18"/>
      <c r="D1067" s="17" t="e">
        <f>VLOOKUP(C1067,[1]分類番号!$A$4:$B$1149,2,0)</f>
        <v>#N/A</v>
      </c>
      <c r="E1067" s="16"/>
      <c r="G1067" s="14"/>
      <c r="H1067" s="3"/>
      <c r="I1067" s="3"/>
      <c r="J1067" s="3"/>
      <c r="K1067" s="3"/>
    </row>
    <row r="1068" spans="2:11" ht="18" hidden="1" customHeight="1" x14ac:dyDescent="0.4">
      <c r="B1068" s="10"/>
      <c r="C1068" s="18"/>
      <c r="D1068" s="17" t="e">
        <f>VLOOKUP(C1068,[1]分類番号!$A$4:$B$1149,2,0)</f>
        <v>#N/A</v>
      </c>
      <c r="E1068" s="16"/>
      <c r="G1068" s="14"/>
      <c r="H1068" s="3"/>
      <c r="I1068" s="3"/>
      <c r="J1068" s="3"/>
      <c r="K1068" s="3"/>
    </row>
    <row r="1069" spans="2:11" ht="18" hidden="1" customHeight="1" x14ac:dyDescent="0.4">
      <c r="B1069" s="10"/>
      <c r="C1069" s="18"/>
      <c r="D1069" s="17" t="e">
        <f>VLOOKUP(C1069,[1]分類番号!$A$4:$B$1149,2,0)</f>
        <v>#N/A</v>
      </c>
      <c r="E1069" s="16"/>
      <c r="G1069" s="14"/>
      <c r="H1069" s="3"/>
      <c r="I1069" s="3"/>
      <c r="J1069" s="3"/>
      <c r="K1069" s="3"/>
    </row>
    <row r="1070" spans="2:11" ht="18" hidden="1" customHeight="1" x14ac:dyDescent="0.4">
      <c r="B1070" s="10"/>
      <c r="C1070" s="18"/>
      <c r="D1070" s="17" t="e">
        <f>VLOOKUP(C1070,[1]分類番号!$A$4:$B$1149,2,0)</f>
        <v>#N/A</v>
      </c>
      <c r="E1070" s="16"/>
      <c r="G1070" s="14"/>
      <c r="H1070" s="3"/>
      <c r="I1070" s="3"/>
      <c r="J1070" s="3"/>
      <c r="K1070" s="3"/>
    </row>
    <row r="1071" spans="2:11" ht="18" hidden="1" customHeight="1" x14ac:dyDescent="0.4">
      <c r="B1071" s="10"/>
      <c r="C1071" s="18"/>
      <c r="D1071" s="17" t="e">
        <f>VLOOKUP(C1071,[1]分類番号!$A$4:$B$1149,2,0)</f>
        <v>#N/A</v>
      </c>
      <c r="E1071" s="16"/>
      <c r="G1071" s="14"/>
      <c r="H1071" s="3"/>
      <c r="I1071" s="3"/>
      <c r="J1071" s="3"/>
      <c r="K1071" s="3"/>
    </row>
    <row r="1072" spans="2:11" ht="18" hidden="1" customHeight="1" x14ac:dyDescent="0.4">
      <c r="B1072" s="10"/>
      <c r="C1072" s="18"/>
      <c r="D1072" s="17" t="e">
        <f>VLOOKUP(C1072,[1]分類番号!$A$4:$B$1149,2,0)</f>
        <v>#N/A</v>
      </c>
      <c r="E1072" s="16"/>
      <c r="G1072" s="14"/>
      <c r="H1072" s="3"/>
      <c r="I1072" s="3"/>
      <c r="J1072" s="3"/>
      <c r="K1072" s="3"/>
    </row>
    <row r="1073" spans="2:11" ht="18" hidden="1" customHeight="1" x14ac:dyDescent="0.4">
      <c r="B1073" s="10"/>
      <c r="C1073" s="18"/>
      <c r="D1073" s="17" t="e">
        <f>VLOOKUP(C1073,[1]分類番号!$A$4:$B$1149,2,0)</f>
        <v>#N/A</v>
      </c>
      <c r="E1073" s="16"/>
      <c r="G1073" s="14"/>
      <c r="H1073" s="3"/>
      <c r="I1073" s="3"/>
      <c r="J1073" s="3"/>
      <c r="K1073" s="3"/>
    </row>
    <row r="1074" spans="2:11" ht="18" hidden="1" customHeight="1" x14ac:dyDescent="0.4">
      <c r="B1074" s="10"/>
      <c r="C1074" s="18"/>
      <c r="D1074" s="17" t="e">
        <f>VLOOKUP(C1074,[1]分類番号!$A$4:$B$1149,2,0)</f>
        <v>#N/A</v>
      </c>
      <c r="E1074" s="16"/>
      <c r="G1074" s="14"/>
      <c r="H1074" s="3"/>
      <c r="I1074" s="3"/>
      <c r="J1074" s="3"/>
      <c r="K1074" s="3"/>
    </row>
    <row r="1075" spans="2:11" ht="18" hidden="1" customHeight="1" x14ac:dyDescent="0.4">
      <c r="B1075" s="10"/>
      <c r="C1075" s="18"/>
      <c r="D1075" s="17" t="e">
        <f>VLOOKUP(C1075,[1]分類番号!$A$4:$B$1149,2,0)</f>
        <v>#N/A</v>
      </c>
      <c r="E1075" s="16"/>
      <c r="G1075" s="14"/>
      <c r="H1075" s="3"/>
      <c r="I1075" s="3"/>
      <c r="J1075" s="3"/>
      <c r="K1075" s="3"/>
    </row>
    <row r="1076" spans="2:11" ht="18" hidden="1" customHeight="1" x14ac:dyDescent="0.4">
      <c r="B1076" s="10"/>
      <c r="C1076" s="18"/>
      <c r="D1076" s="17" t="e">
        <f>VLOOKUP(C1076,[1]分類番号!$A$4:$B$1149,2,0)</f>
        <v>#N/A</v>
      </c>
      <c r="E1076" s="16"/>
      <c r="G1076" s="14"/>
      <c r="H1076" s="3"/>
      <c r="I1076" s="3"/>
      <c r="J1076" s="3"/>
      <c r="K1076" s="3"/>
    </row>
    <row r="1077" spans="2:11" ht="18" hidden="1" customHeight="1" x14ac:dyDescent="0.4">
      <c r="B1077" s="10"/>
      <c r="C1077" s="18"/>
      <c r="D1077" s="17" t="e">
        <f>VLOOKUP(C1077,[1]分類番号!$A$4:$B$1149,2,0)</f>
        <v>#N/A</v>
      </c>
      <c r="E1077" s="16"/>
      <c r="G1077" s="14"/>
      <c r="H1077" s="3"/>
      <c r="I1077" s="3"/>
      <c r="J1077" s="3"/>
      <c r="K1077" s="3"/>
    </row>
    <row r="1078" spans="2:11" ht="18" hidden="1" customHeight="1" x14ac:dyDescent="0.4">
      <c r="B1078" s="10"/>
      <c r="C1078" s="18"/>
      <c r="D1078" s="17" t="e">
        <f>VLOOKUP(C1078,[1]分類番号!$A$4:$B$1149,2,0)</f>
        <v>#N/A</v>
      </c>
      <c r="E1078" s="16"/>
      <c r="G1078" s="14"/>
      <c r="H1078" s="3"/>
      <c r="I1078" s="3"/>
      <c r="J1078" s="3"/>
      <c r="K1078" s="3"/>
    </row>
    <row r="1079" spans="2:11" ht="18" hidden="1" customHeight="1" x14ac:dyDescent="0.4">
      <c r="B1079" s="10"/>
      <c r="C1079" s="18"/>
      <c r="D1079" s="17" t="e">
        <f>VLOOKUP(C1079,[1]分類番号!$A$4:$B$1149,2,0)</f>
        <v>#N/A</v>
      </c>
      <c r="E1079" s="16"/>
      <c r="G1079" s="14"/>
      <c r="H1079" s="3"/>
      <c r="I1079" s="3"/>
      <c r="J1079" s="3"/>
      <c r="K1079" s="3"/>
    </row>
    <row r="1080" spans="2:11" ht="18" hidden="1" customHeight="1" x14ac:dyDescent="0.4">
      <c r="B1080" s="10"/>
      <c r="C1080" s="18"/>
      <c r="D1080" s="17" t="e">
        <f>VLOOKUP(C1080,[1]分類番号!$A$4:$B$1149,2,0)</f>
        <v>#N/A</v>
      </c>
      <c r="E1080" s="16"/>
      <c r="G1080" s="14"/>
      <c r="H1080" s="3"/>
      <c r="I1080" s="3"/>
      <c r="J1080" s="3"/>
      <c r="K1080" s="3"/>
    </row>
    <row r="1081" spans="2:11" ht="18" hidden="1" customHeight="1" x14ac:dyDescent="0.4">
      <c r="B1081" s="10"/>
      <c r="C1081" s="18"/>
      <c r="D1081" s="17" t="e">
        <f>VLOOKUP(C1081,[1]分類番号!$A$4:$B$1149,2,0)</f>
        <v>#N/A</v>
      </c>
      <c r="E1081" s="16"/>
      <c r="G1081" s="14"/>
      <c r="H1081" s="3"/>
      <c r="I1081" s="3"/>
      <c r="J1081" s="3"/>
      <c r="K1081" s="3"/>
    </row>
    <row r="1082" spans="2:11" ht="18" hidden="1" customHeight="1" x14ac:dyDescent="0.4">
      <c r="B1082" s="10"/>
      <c r="C1082" s="18"/>
      <c r="D1082" s="17" t="e">
        <f>VLOOKUP(C1082,[1]分類番号!$A$4:$B$1149,2,0)</f>
        <v>#N/A</v>
      </c>
      <c r="E1082" s="16"/>
      <c r="G1082" s="14"/>
      <c r="H1082" s="3"/>
      <c r="I1082" s="3"/>
      <c r="J1082" s="3"/>
      <c r="K1082" s="3"/>
    </row>
    <row r="1083" spans="2:11" ht="18" hidden="1" customHeight="1" x14ac:dyDescent="0.4">
      <c r="B1083" s="10"/>
      <c r="C1083" s="18"/>
      <c r="D1083" s="17" t="e">
        <f>VLOOKUP(C1083,[1]分類番号!$A$4:$B$1149,2,0)</f>
        <v>#N/A</v>
      </c>
      <c r="E1083" s="16"/>
      <c r="G1083" s="14"/>
      <c r="H1083" s="3"/>
      <c r="I1083" s="3"/>
      <c r="J1083" s="3"/>
      <c r="K1083" s="3"/>
    </row>
    <row r="1084" spans="2:11" ht="18" hidden="1" customHeight="1" x14ac:dyDescent="0.4">
      <c r="B1084" s="10"/>
      <c r="C1084" s="18"/>
      <c r="D1084" s="17" t="e">
        <f>VLOOKUP(C1084,[1]分類番号!$A$4:$B$1149,2,0)</f>
        <v>#N/A</v>
      </c>
      <c r="E1084" s="16"/>
      <c r="G1084" s="14"/>
      <c r="H1084" s="3"/>
      <c r="I1084" s="3"/>
      <c r="J1084" s="3"/>
      <c r="K1084" s="3"/>
    </row>
    <row r="1085" spans="2:11" ht="18" hidden="1" customHeight="1" x14ac:dyDescent="0.4">
      <c r="B1085" s="10"/>
      <c r="C1085" s="18"/>
      <c r="D1085" s="17" t="e">
        <f>VLOOKUP(C1085,[1]分類番号!$A$4:$B$1149,2,0)</f>
        <v>#N/A</v>
      </c>
      <c r="E1085" s="16"/>
      <c r="G1085" s="14"/>
      <c r="H1085" s="3"/>
      <c r="I1085" s="3"/>
      <c r="J1085" s="3"/>
      <c r="K1085" s="3"/>
    </row>
    <row r="1086" spans="2:11" ht="18" hidden="1" customHeight="1" x14ac:dyDescent="0.4">
      <c r="B1086" s="10"/>
      <c r="C1086" s="18"/>
      <c r="D1086" s="17" t="e">
        <f>VLOOKUP(C1086,[1]分類番号!$A$4:$B$1149,2,0)</f>
        <v>#N/A</v>
      </c>
      <c r="E1086" s="16"/>
      <c r="G1086" s="14"/>
      <c r="H1086" s="3"/>
      <c r="I1086" s="3"/>
      <c r="J1086" s="3"/>
      <c r="K1086" s="3"/>
    </row>
    <row r="1087" spans="2:11" ht="18" hidden="1" customHeight="1" x14ac:dyDescent="0.4">
      <c r="B1087" s="10"/>
      <c r="C1087" s="18"/>
      <c r="D1087" s="17" t="e">
        <f>VLOOKUP(C1087,[1]分類番号!$A$4:$B$1149,2,0)</f>
        <v>#N/A</v>
      </c>
      <c r="E1087" s="16"/>
      <c r="G1087" s="14"/>
      <c r="H1087" s="3"/>
      <c r="I1087" s="3"/>
      <c r="J1087" s="3"/>
      <c r="K1087" s="3"/>
    </row>
    <row r="1088" spans="2:11" ht="18" hidden="1" customHeight="1" x14ac:dyDescent="0.4">
      <c r="B1088" s="10"/>
      <c r="C1088" s="18"/>
      <c r="D1088" s="17" t="e">
        <f>VLOOKUP(C1088,[1]分類番号!$A$4:$B$1149,2,0)</f>
        <v>#N/A</v>
      </c>
      <c r="E1088" s="16"/>
      <c r="G1088" s="14"/>
      <c r="H1088" s="3"/>
      <c r="I1088" s="3"/>
      <c r="J1088" s="3"/>
      <c r="K1088" s="3"/>
    </row>
    <row r="1089" spans="2:11" ht="18" hidden="1" customHeight="1" x14ac:dyDescent="0.4">
      <c r="B1089" s="10"/>
      <c r="C1089" s="18"/>
      <c r="D1089" s="17" t="e">
        <f>VLOOKUP(C1089,[1]分類番号!$A$4:$B$1149,2,0)</f>
        <v>#N/A</v>
      </c>
      <c r="E1089" s="16"/>
      <c r="G1089" s="14"/>
      <c r="H1089" s="3"/>
      <c r="I1089" s="3"/>
      <c r="J1089" s="3"/>
      <c r="K1089" s="3"/>
    </row>
    <row r="1090" spans="2:11" ht="18" hidden="1" customHeight="1" x14ac:dyDescent="0.4">
      <c r="B1090" s="10"/>
      <c r="C1090" s="18"/>
      <c r="D1090" s="17" t="e">
        <f>VLOOKUP(C1090,[1]分類番号!$A$4:$B$1149,2,0)</f>
        <v>#N/A</v>
      </c>
      <c r="E1090" s="16"/>
      <c r="G1090" s="14"/>
      <c r="H1090" s="3"/>
      <c r="I1090" s="3"/>
      <c r="J1090" s="3"/>
      <c r="K1090" s="3"/>
    </row>
    <row r="1091" spans="2:11" ht="18" hidden="1" customHeight="1" x14ac:dyDescent="0.4">
      <c r="B1091" s="10"/>
      <c r="C1091" s="18"/>
      <c r="D1091" s="17" t="e">
        <f>VLOOKUP(C1091,[1]分類番号!$A$4:$B$1149,2,0)</f>
        <v>#N/A</v>
      </c>
      <c r="E1091" s="16"/>
      <c r="G1091" s="14"/>
      <c r="H1091" s="3"/>
      <c r="I1091" s="3"/>
      <c r="J1091" s="3"/>
      <c r="K1091" s="3"/>
    </row>
    <row r="1092" spans="2:11" ht="18" hidden="1" customHeight="1" x14ac:dyDescent="0.4">
      <c r="B1092" s="10"/>
      <c r="C1092" s="18"/>
      <c r="D1092" s="17" t="e">
        <f>VLOOKUP(C1092,[1]分類番号!$A$4:$B$1149,2,0)</f>
        <v>#N/A</v>
      </c>
      <c r="E1092" s="16"/>
      <c r="G1092" s="14"/>
      <c r="H1092" s="3"/>
      <c r="I1092" s="3"/>
      <c r="J1092" s="3"/>
      <c r="K1092" s="3"/>
    </row>
    <row r="1093" spans="2:11" ht="18" hidden="1" customHeight="1" x14ac:dyDescent="0.4">
      <c r="B1093" s="10"/>
      <c r="C1093" s="18"/>
      <c r="D1093" s="17" t="e">
        <f>VLOOKUP(C1093,[1]分類番号!$A$4:$B$1149,2,0)</f>
        <v>#N/A</v>
      </c>
      <c r="E1093" s="16"/>
      <c r="G1093" s="14"/>
      <c r="H1093" s="3"/>
      <c r="I1093" s="3"/>
      <c r="J1093" s="3"/>
      <c r="K1093" s="3"/>
    </row>
    <row r="1094" spans="2:11" ht="18" hidden="1" customHeight="1" x14ac:dyDescent="0.4">
      <c r="B1094" s="10"/>
      <c r="C1094" s="18"/>
      <c r="D1094" s="17" t="e">
        <f>VLOOKUP(C1094,[1]分類番号!$A$4:$B$1149,2,0)</f>
        <v>#N/A</v>
      </c>
      <c r="E1094" s="16"/>
      <c r="G1094" s="14"/>
      <c r="H1094" s="3"/>
      <c r="I1094" s="3"/>
      <c r="J1094" s="3"/>
      <c r="K1094" s="3"/>
    </row>
    <row r="1095" spans="2:11" ht="18" hidden="1" customHeight="1" x14ac:dyDescent="0.4">
      <c r="B1095" s="10"/>
      <c r="C1095" s="18"/>
      <c r="D1095" s="17" t="e">
        <f>VLOOKUP(C1095,[1]分類番号!$A$4:$B$1149,2,0)</f>
        <v>#N/A</v>
      </c>
      <c r="E1095" s="16"/>
      <c r="G1095" s="14"/>
      <c r="H1095" s="3"/>
      <c r="I1095" s="3"/>
      <c r="J1095" s="3"/>
      <c r="K1095" s="3"/>
    </row>
    <row r="1096" spans="2:11" ht="18" hidden="1" customHeight="1" x14ac:dyDescent="0.4">
      <c r="B1096" s="10"/>
      <c r="C1096" s="18"/>
      <c r="D1096" s="17" t="e">
        <f>VLOOKUP(C1096,[1]分類番号!$A$4:$B$1149,2,0)</f>
        <v>#N/A</v>
      </c>
      <c r="E1096" s="16"/>
      <c r="G1096" s="14"/>
      <c r="H1096" s="3"/>
      <c r="I1096" s="3"/>
      <c r="J1096" s="3"/>
      <c r="K1096" s="3"/>
    </row>
    <row r="1097" spans="2:11" ht="18" hidden="1" customHeight="1" x14ac:dyDescent="0.4">
      <c r="B1097" s="10"/>
      <c r="C1097" s="18"/>
      <c r="D1097" s="17" t="e">
        <f>VLOOKUP(C1097,[1]分類番号!$A$4:$B$1149,2,0)</f>
        <v>#N/A</v>
      </c>
      <c r="E1097" s="16"/>
      <c r="G1097" s="14"/>
      <c r="H1097" s="3"/>
      <c r="I1097" s="3"/>
      <c r="J1097" s="3"/>
      <c r="K1097" s="3"/>
    </row>
    <row r="1098" spans="2:11" ht="18" hidden="1" customHeight="1" x14ac:dyDescent="0.4">
      <c r="B1098" s="10"/>
      <c r="C1098" s="18"/>
      <c r="D1098" s="17" t="e">
        <f>VLOOKUP(C1098,[1]分類番号!$A$4:$B$1149,2,0)</f>
        <v>#N/A</v>
      </c>
      <c r="E1098" s="16"/>
      <c r="G1098" s="14"/>
      <c r="H1098" s="3"/>
      <c r="I1098" s="3"/>
      <c r="J1098" s="3"/>
      <c r="K1098" s="3"/>
    </row>
    <row r="1099" spans="2:11" ht="18" hidden="1" customHeight="1" x14ac:dyDescent="0.4">
      <c r="B1099" s="10"/>
      <c r="C1099" s="18"/>
      <c r="D1099" s="17" t="e">
        <f>VLOOKUP(C1099,[1]分類番号!$A$4:$B$1149,2,0)</f>
        <v>#N/A</v>
      </c>
      <c r="E1099" s="16"/>
      <c r="G1099" s="14"/>
      <c r="H1099" s="3"/>
      <c r="I1099" s="3"/>
      <c r="J1099" s="3"/>
      <c r="K1099" s="3"/>
    </row>
    <row r="1100" spans="2:11" ht="18" hidden="1" customHeight="1" x14ac:dyDescent="0.4">
      <c r="B1100" s="10"/>
      <c r="C1100" s="18"/>
      <c r="D1100" s="17" t="e">
        <f>VLOOKUP(C1100,[1]分類番号!$A$4:$B$1149,2,0)</f>
        <v>#N/A</v>
      </c>
      <c r="E1100" s="16"/>
      <c r="G1100" s="14"/>
      <c r="H1100" s="3"/>
      <c r="I1100" s="3"/>
      <c r="J1100" s="3"/>
      <c r="K1100" s="3"/>
    </row>
    <row r="1101" spans="2:11" ht="18" hidden="1" customHeight="1" x14ac:dyDescent="0.4">
      <c r="B1101" s="10"/>
      <c r="C1101" s="18"/>
      <c r="D1101" s="17" t="e">
        <f>VLOOKUP(C1101,[1]分類番号!$A$4:$B$1149,2,0)</f>
        <v>#N/A</v>
      </c>
      <c r="E1101" s="16"/>
      <c r="G1101" s="14"/>
      <c r="H1101" s="3"/>
      <c r="I1101" s="3"/>
      <c r="J1101" s="3"/>
      <c r="K1101" s="3"/>
    </row>
    <row r="1102" spans="2:11" ht="18" hidden="1" customHeight="1" x14ac:dyDescent="0.4">
      <c r="B1102" s="10"/>
      <c r="C1102" s="18"/>
      <c r="D1102" s="17" t="e">
        <f>VLOOKUP(C1102,[1]分類番号!$A$4:$B$1149,2,0)</f>
        <v>#N/A</v>
      </c>
      <c r="E1102" s="16"/>
      <c r="G1102" s="14"/>
      <c r="H1102" s="3"/>
      <c r="I1102" s="3"/>
      <c r="J1102" s="3"/>
      <c r="K1102" s="3"/>
    </row>
    <row r="1103" spans="2:11" ht="18" hidden="1" customHeight="1" x14ac:dyDescent="0.4">
      <c r="B1103" s="10"/>
      <c r="C1103" s="18"/>
      <c r="D1103" s="17" t="e">
        <f>VLOOKUP(C1103,[1]分類番号!$A$4:$B$1149,2,0)</f>
        <v>#N/A</v>
      </c>
      <c r="E1103" s="16"/>
      <c r="G1103" s="14"/>
      <c r="H1103" s="3"/>
      <c r="I1103" s="3"/>
      <c r="J1103" s="3"/>
      <c r="K1103" s="3"/>
    </row>
    <row r="1104" spans="2:11" ht="18" hidden="1" customHeight="1" x14ac:dyDescent="0.4">
      <c r="B1104" s="10"/>
      <c r="C1104" s="18"/>
      <c r="D1104" s="17" t="e">
        <f>VLOOKUP(C1104,[1]分類番号!$A$4:$B$1149,2,0)</f>
        <v>#N/A</v>
      </c>
      <c r="E1104" s="16"/>
      <c r="G1104" s="14"/>
      <c r="H1104" s="3"/>
      <c r="I1104" s="3"/>
      <c r="J1104" s="3"/>
      <c r="K1104" s="3"/>
    </row>
    <row r="1105" spans="2:11" ht="18" hidden="1" customHeight="1" x14ac:dyDescent="0.4">
      <c r="B1105" s="10"/>
      <c r="C1105" s="18"/>
      <c r="D1105" s="17" t="e">
        <f>VLOOKUP(C1105,[1]分類番号!$A$4:$B$1149,2,0)</f>
        <v>#N/A</v>
      </c>
      <c r="E1105" s="16"/>
      <c r="G1105" s="14"/>
      <c r="H1105" s="3"/>
      <c r="I1105" s="3"/>
      <c r="J1105" s="3"/>
      <c r="K1105" s="3"/>
    </row>
    <row r="1106" spans="2:11" ht="18" hidden="1" customHeight="1" x14ac:dyDescent="0.4">
      <c r="B1106" s="10"/>
      <c r="C1106" s="18"/>
      <c r="D1106" s="17" t="e">
        <f>VLOOKUP(C1106,[1]分類番号!$A$4:$B$1149,2,0)</f>
        <v>#N/A</v>
      </c>
      <c r="E1106" s="16"/>
      <c r="G1106" s="14"/>
      <c r="H1106" s="3"/>
      <c r="I1106" s="3"/>
      <c r="J1106" s="3"/>
      <c r="K1106" s="3"/>
    </row>
    <row r="1107" spans="2:11" ht="18" hidden="1" customHeight="1" x14ac:dyDescent="0.4">
      <c r="B1107" s="10"/>
      <c r="C1107" s="18"/>
      <c r="D1107" s="17" t="e">
        <f>VLOOKUP(C1107,[1]分類番号!$A$4:$B$1149,2,0)</f>
        <v>#N/A</v>
      </c>
      <c r="E1107" s="16"/>
      <c r="G1107" s="14"/>
      <c r="H1107" s="3"/>
      <c r="I1107" s="3"/>
      <c r="J1107" s="3"/>
      <c r="K1107" s="3"/>
    </row>
    <row r="1108" spans="2:11" ht="18" hidden="1" customHeight="1" x14ac:dyDescent="0.4">
      <c r="B1108" s="10"/>
      <c r="C1108" s="18"/>
      <c r="D1108" s="17" t="e">
        <f>VLOOKUP(C1108,[1]分類番号!$A$4:$B$1149,2,0)</f>
        <v>#N/A</v>
      </c>
      <c r="E1108" s="16"/>
      <c r="G1108" s="14"/>
      <c r="H1108" s="3"/>
      <c r="I1108" s="3"/>
      <c r="J1108" s="3"/>
      <c r="K1108" s="3"/>
    </row>
    <row r="1109" spans="2:11" ht="18" hidden="1" customHeight="1" x14ac:dyDescent="0.4">
      <c r="B1109" s="10"/>
      <c r="C1109" s="18"/>
      <c r="D1109" s="17" t="e">
        <f>VLOOKUP(C1109,[1]分類番号!$A$4:$B$1149,2,0)</f>
        <v>#N/A</v>
      </c>
      <c r="E1109" s="16"/>
      <c r="G1109" s="14"/>
      <c r="H1109" s="3"/>
      <c r="I1109" s="3"/>
      <c r="J1109" s="3"/>
      <c r="K1109" s="3"/>
    </row>
    <row r="1110" spans="2:11" ht="18" hidden="1" customHeight="1" x14ac:dyDescent="0.4">
      <c r="B1110" s="10"/>
      <c r="C1110" s="18"/>
      <c r="D1110" s="17" t="e">
        <f>VLOOKUP(C1110,[1]分類番号!$A$4:$B$1149,2,0)</f>
        <v>#N/A</v>
      </c>
      <c r="E1110" s="16"/>
      <c r="G1110" s="14"/>
      <c r="H1110" s="3"/>
      <c r="I1110" s="3"/>
      <c r="J1110" s="3"/>
      <c r="K1110" s="3"/>
    </row>
    <row r="1111" spans="2:11" ht="18" hidden="1" customHeight="1" x14ac:dyDescent="0.4">
      <c r="B1111" s="10"/>
      <c r="C1111" s="18"/>
      <c r="D1111" s="17" t="e">
        <f>VLOOKUP(C1111,[1]分類番号!$A$4:$B$1149,2,0)</f>
        <v>#N/A</v>
      </c>
      <c r="E1111" s="16"/>
      <c r="G1111" s="14"/>
      <c r="H1111" s="3"/>
      <c r="I1111" s="3"/>
      <c r="J1111" s="3"/>
      <c r="K1111" s="3"/>
    </row>
    <row r="1112" spans="2:11" ht="18" hidden="1" customHeight="1" x14ac:dyDescent="0.4">
      <c r="B1112" s="10"/>
      <c r="C1112" s="18"/>
      <c r="D1112" s="17" t="e">
        <f>VLOOKUP(C1112,[1]分類番号!$A$4:$B$1149,2,0)</f>
        <v>#N/A</v>
      </c>
      <c r="E1112" s="16"/>
      <c r="G1112" s="14"/>
      <c r="H1112" s="3"/>
      <c r="I1112" s="3"/>
      <c r="J1112" s="3"/>
      <c r="K1112" s="3"/>
    </row>
    <row r="1113" spans="2:11" ht="18" hidden="1" customHeight="1" x14ac:dyDescent="0.4">
      <c r="B1113" s="10"/>
      <c r="C1113" s="18"/>
      <c r="D1113" s="17" t="e">
        <f>VLOOKUP(C1113,[1]分類番号!$A$4:$B$1149,2,0)</f>
        <v>#N/A</v>
      </c>
      <c r="E1113" s="16"/>
      <c r="G1113" s="14"/>
      <c r="H1113" s="3"/>
      <c r="I1113" s="3"/>
      <c r="J1113" s="3"/>
      <c r="K1113" s="3"/>
    </row>
    <row r="1114" spans="2:11" ht="18" hidden="1" customHeight="1" x14ac:dyDescent="0.4">
      <c r="B1114" s="10"/>
      <c r="C1114" s="18"/>
      <c r="D1114" s="17" t="e">
        <f>VLOOKUP(C1114,[1]分類番号!$A$4:$B$1149,2,0)</f>
        <v>#N/A</v>
      </c>
      <c r="E1114" s="16"/>
      <c r="G1114" s="14"/>
      <c r="H1114" s="3"/>
      <c r="I1114" s="3"/>
      <c r="J1114" s="3"/>
      <c r="K1114" s="3"/>
    </row>
    <row r="1115" spans="2:11" ht="18" hidden="1" customHeight="1" x14ac:dyDescent="0.4">
      <c r="B1115" s="10"/>
      <c r="C1115" s="18"/>
      <c r="D1115" s="17" t="e">
        <f>VLOOKUP(C1115,[1]分類番号!$A$4:$B$1149,2,0)</f>
        <v>#N/A</v>
      </c>
      <c r="E1115" s="16"/>
      <c r="G1115" s="14"/>
      <c r="H1115" s="3"/>
      <c r="I1115" s="3"/>
      <c r="J1115" s="3"/>
      <c r="K1115" s="3"/>
    </row>
    <row r="1116" spans="2:11" ht="18" hidden="1" customHeight="1" x14ac:dyDescent="0.4">
      <c r="B1116" s="10"/>
      <c r="C1116" s="18"/>
      <c r="D1116" s="17" t="e">
        <f>VLOOKUP(C1116,[1]分類番号!$A$4:$B$1149,2,0)</f>
        <v>#N/A</v>
      </c>
      <c r="E1116" s="16"/>
      <c r="G1116" s="14"/>
      <c r="H1116" s="3"/>
      <c r="I1116" s="3"/>
      <c r="J1116" s="3"/>
      <c r="K1116" s="3"/>
    </row>
    <row r="1117" spans="2:11" ht="18" hidden="1" customHeight="1" x14ac:dyDescent="0.4">
      <c r="B1117" s="10"/>
      <c r="C1117" s="18"/>
      <c r="D1117" s="17" t="e">
        <f>VLOOKUP(C1117,[1]分類番号!$A$4:$B$1149,2,0)</f>
        <v>#N/A</v>
      </c>
      <c r="E1117" s="16"/>
      <c r="G1117" s="14"/>
      <c r="H1117" s="3"/>
      <c r="I1117" s="3"/>
      <c r="J1117" s="3"/>
      <c r="K1117" s="3"/>
    </row>
    <row r="1118" spans="2:11" ht="18" hidden="1" customHeight="1" x14ac:dyDescent="0.4">
      <c r="B1118" s="10"/>
      <c r="C1118" s="18"/>
      <c r="D1118" s="17" t="e">
        <f>VLOOKUP(C1118,[1]分類番号!$A$4:$B$1149,2,0)</f>
        <v>#N/A</v>
      </c>
      <c r="E1118" s="16"/>
      <c r="G1118" s="14"/>
      <c r="H1118" s="3"/>
      <c r="I1118" s="3"/>
      <c r="J1118" s="3"/>
      <c r="K1118" s="3"/>
    </row>
    <row r="1119" spans="2:11" ht="18" hidden="1" customHeight="1" x14ac:dyDescent="0.4">
      <c r="B1119" s="10"/>
      <c r="C1119" s="18"/>
      <c r="D1119" s="17" t="e">
        <f>VLOOKUP(C1119,[1]分類番号!$A$4:$B$1149,2,0)</f>
        <v>#N/A</v>
      </c>
      <c r="E1119" s="16"/>
      <c r="G1119" s="14"/>
      <c r="H1119" s="3"/>
      <c r="I1119" s="3"/>
      <c r="J1119" s="3"/>
      <c r="K1119" s="3"/>
    </row>
    <row r="1120" spans="2:11" ht="18" hidden="1" customHeight="1" x14ac:dyDescent="0.4">
      <c r="B1120" s="10"/>
      <c r="C1120" s="18"/>
      <c r="D1120" s="17" t="e">
        <f>VLOOKUP(C1120,[1]分類番号!$A$4:$B$1149,2,0)</f>
        <v>#N/A</v>
      </c>
      <c r="E1120" s="16"/>
      <c r="G1120" s="14"/>
      <c r="H1120" s="3"/>
      <c r="I1120" s="3"/>
      <c r="J1120" s="3"/>
      <c r="K1120" s="3"/>
    </row>
    <row r="1121" spans="2:11" ht="18" hidden="1" customHeight="1" x14ac:dyDescent="0.4">
      <c r="B1121" s="10"/>
      <c r="C1121" s="18"/>
      <c r="D1121" s="17" t="e">
        <f>VLOOKUP(C1121,[1]分類番号!$A$4:$B$1149,2,0)</f>
        <v>#N/A</v>
      </c>
      <c r="E1121" s="16"/>
      <c r="G1121" s="14"/>
      <c r="H1121" s="3"/>
      <c r="I1121" s="3"/>
      <c r="J1121" s="3"/>
      <c r="K1121" s="3"/>
    </row>
    <row r="1122" spans="2:11" ht="18" hidden="1" customHeight="1" x14ac:dyDescent="0.4">
      <c r="B1122" s="10"/>
      <c r="C1122" s="18"/>
      <c r="D1122" s="17" t="e">
        <f>VLOOKUP(C1122,[1]分類番号!$A$4:$B$1149,2,0)</f>
        <v>#N/A</v>
      </c>
      <c r="E1122" s="16"/>
      <c r="G1122" s="14"/>
      <c r="H1122" s="3"/>
      <c r="I1122" s="3"/>
      <c r="J1122" s="3"/>
      <c r="K1122" s="3"/>
    </row>
    <row r="1123" spans="2:11" ht="18" hidden="1" customHeight="1" x14ac:dyDescent="0.4">
      <c r="B1123" s="10"/>
      <c r="C1123" s="18"/>
      <c r="D1123" s="17" t="e">
        <f>VLOOKUP(C1123,[1]分類番号!$A$4:$B$1149,2,0)</f>
        <v>#N/A</v>
      </c>
      <c r="E1123" s="16"/>
      <c r="G1123" s="14"/>
      <c r="H1123" s="3"/>
      <c r="I1123" s="3"/>
      <c r="J1123" s="3"/>
      <c r="K1123" s="3"/>
    </row>
    <row r="1124" spans="2:11" ht="18" hidden="1" customHeight="1" x14ac:dyDescent="0.4">
      <c r="B1124" s="10"/>
      <c r="C1124" s="18"/>
      <c r="D1124" s="17" t="e">
        <f>VLOOKUP(C1124,[1]分類番号!$A$4:$B$1149,2,0)</f>
        <v>#N/A</v>
      </c>
      <c r="E1124" s="16"/>
      <c r="G1124" s="14"/>
      <c r="H1124" s="3"/>
      <c r="I1124" s="3"/>
      <c r="J1124" s="3"/>
      <c r="K1124" s="3"/>
    </row>
    <row r="1125" spans="2:11" ht="18" hidden="1" customHeight="1" x14ac:dyDescent="0.4">
      <c r="B1125" s="10"/>
      <c r="C1125" s="18"/>
      <c r="D1125" s="17" t="e">
        <f>VLOOKUP(C1125,[1]分類番号!$A$4:$B$1149,2,0)</f>
        <v>#N/A</v>
      </c>
      <c r="E1125" s="16"/>
      <c r="G1125" s="14"/>
      <c r="H1125" s="3"/>
      <c r="I1125" s="3"/>
      <c r="J1125" s="3"/>
      <c r="K1125" s="3"/>
    </row>
    <row r="1126" spans="2:11" ht="18" hidden="1" customHeight="1" x14ac:dyDescent="0.4">
      <c r="B1126" s="10"/>
      <c r="C1126" s="18"/>
      <c r="D1126" s="17" t="e">
        <f>VLOOKUP(C1126,[1]分類番号!$A$4:$B$1149,2,0)</f>
        <v>#N/A</v>
      </c>
      <c r="E1126" s="16"/>
      <c r="G1126" s="14"/>
      <c r="H1126" s="3"/>
      <c r="I1126" s="3"/>
      <c r="J1126" s="3"/>
      <c r="K1126" s="3"/>
    </row>
    <row r="1127" spans="2:11" ht="18" hidden="1" customHeight="1" x14ac:dyDescent="0.4">
      <c r="B1127" s="10"/>
      <c r="C1127" s="18"/>
      <c r="D1127" s="17" t="e">
        <f>VLOOKUP(C1127,[1]分類番号!$A$4:$B$1149,2,0)</f>
        <v>#N/A</v>
      </c>
      <c r="E1127" s="16"/>
      <c r="G1127" s="14"/>
      <c r="H1127" s="3"/>
      <c r="I1127" s="3"/>
      <c r="J1127" s="3"/>
      <c r="K1127" s="3"/>
    </row>
    <row r="1128" spans="2:11" ht="18" hidden="1" customHeight="1" x14ac:dyDescent="0.4">
      <c r="B1128" s="10"/>
      <c r="C1128" s="18"/>
      <c r="D1128" s="17" t="e">
        <f>VLOOKUP(C1128,[1]分類番号!$A$4:$B$1149,2,0)</f>
        <v>#N/A</v>
      </c>
      <c r="E1128" s="16"/>
      <c r="G1128" s="14"/>
      <c r="H1128" s="3"/>
      <c r="I1128" s="3"/>
      <c r="J1128" s="3"/>
      <c r="K1128" s="3"/>
    </row>
    <row r="1129" spans="2:11" ht="18" hidden="1" customHeight="1" x14ac:dyDescent="0.4">
      <c r="B1129" s="10"/>
      <c r="C1129" s="18"/>
      <c r="D1129" s="17" t="e">
        <f>VLOOKUP(C1129,[1]分類番号!$A$4:$B$1149,2,0)</f>
        <v>#N/A</v>
      </c>
      <c r="E1129" s="16"/>
      <c r="G1129" s="14"/>
      <c r="H1129" s="3"/>
      <c r="I1129" s="3"/>
      <c r="J1129" s="3"/>
      <c r="K1129" s="3"/>
    </row>
    <row r="1130" spans="2:11" ht="18" hidden="1" customHeight="1" x14ac:dyDescent="0.4">
      <c r="B1130" s="10"/>
      <c r="C1130" s="18"/>
      <c r="D1130" s="17" t="e">
        <f>VLOOKUP(C1130,[1]分類番号!$A$4:$B$1149,2,0)</f>
        <v>#N/A</v>
      </c>
      <c r="E1130" s="16"/>
      <c r="G1130" s="14"/>
      <c r="H1130" s="3"/>
      <c r="I1130" s="3"/>
      <c r="J1130" s="3"/>
      <c r="K1130" s="3"/>
    </row>
    <row r="1131" spans="2:11" ht="18" hidden="1" customHeight="1" x14ac:dyDescent="0.4">
      <c r="B1131" s="10"/>
      <c r="C1131" s="18"/>
      <c r="D1131" s="17" t="e">
        <f>VLOOKUP(C1131,[1]分類番号!$A$4:$B$1149,2,0)</f>
        <v>#N/A</v>
      </c>
      <c r="E1131" s="16"/>
      <c r="G1131" s="14"/>
      <c r="H1131" s="3"/>
      <c r="I1131" s="3"/>
      <c r="J1131" s="3"/>
      <c r="K1131" s="3"/>
    </row>
    <row r="1132" spans="2:11" ht="18" hidden="1" customHeight="1" x14ac:dyDescent="0.4">
      <c r="B1132" s="10"/>
      <c r="C1132" s="18"/>
      <c r="D1132" s="17" t="e">
        <f>VLOOKUP(C1132,[1]分類番号!$A$4:$B$1149,2,0)</f>
        <v>#N/A</v>
      </c>
      <c r="E1132" s="16"/>
      <c r="G1132" s="14"/>
      <c r="H1132" s="3"/>
      <c r="I1132" s="3"/>
      <c r="J1132" s="3"/>
      <c r="K1132" s="3"/>
    </row>
    <row r="1133" spans="2:11" ht="18" hidden="1" customHeight="1" x14ac:dyDescent="0.4">
      <c r="B1133" s="10"/>
      <c r="C1133" s="18"/>
      <c r="D1133" s="17" t="e">
        <f>VLOOKUP(C1133,[1]分類番号!$A$4:$B$1149,2,0)</f>
        <v>#N/A</v>
      </c>
      <c r="E1133" s="16"/>
      <c r="G1133" s="14"/>
      <c r="H1133" s="3"/>
      <c r="I1133" s="3"/>
      <c r="J1133" s="3"/>
      <c r="K1133" s="3"/>
    </row>
    <row r="1134" spans="2:11" ht="18" hidden="1" customHeight="1" x14ac:dyDescent="0.4">
      <c r="B1134" s="10"/>
      <c r="C1134" s="18"/>
      <c r="D1134" s="17" t="e">
        <f>VLOOKUP(C1134,[1]分類番号!$A$4:$B$1149,2,0)</f>
        <v>#N/A</v>
      </c>
      <c r="E1134" s="16"/>
      <c r="G1134" s="14"/>
      <c r="H1134" s="3"/>
      <c r="I1134" s="3"/>
      <c r="J1134" s="3"/>
      <c r="K1134" s="3"/>
    </row>
    <row r="1135" spans="2:11" ht="18" hidden="1" customHeight="1" x14ac:dyDescent="0.4">
      <c r="B1135" s="10"/>
      <c r="C1135" s="18"/>
      <c r="D1135" s="17" t="e">
        <f>VLOOKUP(C1135,[1]分類番号!$A$4:$B$1149,2,0)</f>
        <v>#N/A</v>
      </c>
      <c r="E1135" s="16"/>
      <c r="G1135" s="14"/>
      <c r="H1135" s="3"/>
      <c r="I1135" s="3"/>
      <c r="J1135" s="3"/>
      <c r="K1135" s="3"/>
    </row>
    <row r="1136" spans="2:11" ht="18" hidden="1" customHeight="1" x14ac:dyDescent="0.4">
      <c r="B1136" s="10"/>
      <c r="C1136" s="18"/>
      <c r="D1136" s="17" t="e">
        <f>VLOOKUP(C1136,[1]分類番号!$A$4:$B$1149,2,0)</f>
        <v>#N/A</v>
      </c>
      <c r="E1136" s="16"/>
      <c r="G1136" s="14"/>
      <c r="H1136" s="3"/>
      <c r="I1136" s="3"/>
      <c r="J1136" s="3"/>
      <c r="K1136" s="3"/>
    </row>
    <row r="1137" spans="2:11" ht="18" hidden="1" customHeight="1" x14ac:dyDescent="0.4">
      <c r="B1137" s="10"/>
      <c r="C1137" s="18"/>
      <c r="D1137" s="17" t="e">
        <f>VLOOKUP(C1137,[1]分類番号!$A$4:$B$1149,2,0)</f>
        <v>#N/A</v>
      </c>
      <c r="E1137" s="16"/>
      <c r="G1137" s="14"/>
      <c r="H1137" s="3"/>
      <c r="I1137" s="3"/>
      <c r="J1137" s="3"/>
      <c r="K1137" s="3"/>
    </row>
    <row r="1138" spans="2:11" ht="18" hidden="1" customHeight="1" x14ac:dyDescent="0.4">
      <c r="B1138" s="10"/>
      <c r="C1138" s="18"/>
      <c r="D1138" s="17" t="e">
        <f>VLOOKUP(C1138,[1]分類番号!$A$4:$B$1149,2,0)</f>
        <v>#N/A</v>
      </c>
      <c r="E1138" s="16"/>
      <c r="G1138" s="14"/>
      <c r="H1138" s="3"/>
      <c r="I1138" s="3"/>
      <c r="J1138" s="3"/>
      <c r="K1138" s="3"/>
    </row>
    <row r="1139" spans="2:11" ht="18" hidden="1" customHeight="1" x14ac:dyDescent="0.4">
      <c r="B1139" s="10"/>
      <c r="C1139" s="18"/>
      <c r="D1139" s="17" t="e">
        <f>VLOOKUP(C1139,[1]分類番号!$A$4:$B$1149,2,0)</f>
        <v>#N/A</v>
      </c>
      <c r="E1139" s="16"/>
      <c r="G1139" s="14"/>
      <c r="H1139" s="3"/>
      <c r="I1139" s="3"/>
      <c r="J1139" s="3"/>
      <c r="K1139" s="3"/>
    </row>
    <row r="1140" spans="2:11" ht="18" hidden="1" customHeight="1" x14ac:dyDescent="0.4">
      <c r="B1140" s="10"/>
      <c r="C1140" s="18"/>
      <c r="D1140" s="17" t="e">
        <f>VLOOKUP(C1140,[1]分類番号!$A$4:$B$1149,2,0)</f>
        <v>#N/A</v>
      </c>
      <c r="E1140" s="16"/>
      <c r="G1140" s="14"/>
      <c r="H1140" s="3"/>
      <c r="I1140" s="3"/>
      <c r="J1140" s="3"/>
      <c r="K1140" s="3"/>
    </row>
    <row r="1141" spans="2:11" ht="18" hidden="1" customHeight="1" x14ac:dyDescent="0.4">
      <c r="B1141" s="10"/>
      <c r="C1141" s="18"/>
      <c r="D1141" s="17" t="e">
        <f>VLOOKUP(C1141,[1]分類番号!$A$4:$B$1149,2,0)</f>
        <v>#N/A</v>
      </c>
      <c r="E1141" s="16"/>
      <c r="G1141" s="14"/>
      <c r="H1141" s="3"/>
      <c r="I1141" s="3"/>
      <c r="J1141" s="3"/>
      <c r="K1141" s="3"/>
    </row>
    <row r="1142" spans="2:11" ht="18" hidden="1" customHeight="1" x14ac:dyDescent="0.4">
      <c r="B1142" s="10"/>
      <c r="C1142" s="18"/>
      <c r="D1142" s="17" t="e">
        <f>VLOOKUP(C1142,[1]分類番号!$A$4:$B$1149,2,0)</f>
        <v>#N/A</v>
      </c>
      <c r="E1142" s="16"/>
      <c r="G1142" s="14"/>
      <c r="H1142" s="3"/>
      <c r="I1142" s="3"/>
      <c r="J1142" s="3"/>
      <c r="K1142" s="3"/>
    </row>
    <row r="1143" spans="2:11" ht="18" hidden="1" customHeight="1" x14ac:dyDescent="0.4">
      <c r="B1143" s="10"/>
      <c r="C1143" s="18"/>
      <c r="D1143" s="17" t="e">
        <f>VLOOKUP(C1143,[1]分類番号!$A$4:$B$1149,2,0)</f>
        <v>#N/A</v>
      </c>
      <c r="E1143" s="16"/>
      <c r="G1143" s="14"/>
      <c r="H1143" s="3"/>
      <c r="I1143" s="3"/>
      <c r="J1143" s="3"/>
      <c r="K1143" s="3"/>
    </row>
    <row r="1144" spans="2:11" ht="18" hidden="1" customHeight="1" x14ac:dyDescent="0.4">
      <c r="B1144" s="10"/>
      <c r="C1144" s="18"/>
      <c r="D1144" s="17" t="e">
        <f>VLOOKUP(C1144,[1]分類番号!$A$4:$B$1149,2,0)</f>
        <v>#N/A</v>
      </c>
      <c r="E1144" s="16"/>
      <c r="G1144" s="14"/>
      <c r="H1144" s="3"/>
      <c r="I1144" s="3"/>
      <c r="J1144" s="3"/>
      <c r="K1144" s="3"/>
    </row>
    <row r="1145" spans="2:11" ht="18" hidden="1" customHeight="1" x14ac:dyDescent="0.4">
      <c r="B1145" s="10"/>
      <c r="C1145" s="18"/>
      <c r="D1145" s="17" t="e">
        <f>VLOOKUP(C1145,[1]分類番号!$A$4:$B$1149,2,0)</f>
        <v>#N/A</v>
      </c>
      <c r="E1145" s="16"/>
      <c r="G1145" s="14"/>
      <c r="H1145" s="3"/>
      <c r="I1145" s="3"/>
      <c r="J1145" s="3"/>
      <c r="K1145" s="3"/>
    </row>
    <row r="1146" spans="2:11" ht="18" hidden="1" customHeight="1" x14ac:dyDescent="0.4">
      <c r="B1146" s="10"/>
      <c r="C1146" s="18"/>
      <c r="D1146" s="17" t="e">
        <f>VLOOKUP(C1146,[1]分類番号!$A$4:$B$1149,2,0)</f>
        <v>#N/A</v>
      </c>
      <c r="E1146" s="16"/>
      <c r="G1146" s="14"/>
      <c r="H1146" s="3"/>
      <c r="I1146" s="3"/>
      <c r="J1146" s="3"/>
      <c r="K1146" s="3"/>
    </row>
    <row r="1147" spans="2:11" ht="18" hidden="1" customHeight="1" x14ac:dyDescent="0.4">
      <c r="B1147" s="10"/>
      <c r="C1147" s="18"/>
      <c r="D1147" s="17" t="e">
        <f>VLOOKUP(C1147,[1]分類番号!$A$4:$B$1149,2,0)</f>
        <v>#N/A</v>
      </c>
      <c r="E1147" s="16"/>
      <c r="G1147" s="14"/>
      <c r="H1147" s="3"/>
      <c r="I1147" s="3"/>
      <c r="J1147" s="3"/>
      <c r="K1147" s="3"/>
    </row>
    <row r="1148" spans="2:11" ht="18" hidden="1" customHeight="1" x14ac:dyDescent="0.4">
      <c r="B1148" s="10"/>
      <c r="C1148" s="18"/>
      <c r="D1148" s="17" t="e">
        <f>VLOOKUP(C1148,[1]分類番号!$A$4:$B$1149,2,0)</f>
        <v>#N/A</v>
      </c>
      <c r="E1148" s="16"/>
      <c r="G1148" s="14"/>
      <c r="H1148" s="3"/>
      <c r="I1148" s="3"/>
      <c r="J1148" s="3"/>
      <c r="K1148" s="3"/>
    </row>
    <row r="1149" spans="2:11" ht="18" hidden="1" customHeight="1" x14ac:dyDescent="0.4">
      <c r="B1149" s="10"/>
      <c r="C1149" s="18"/>
      <c r="D1149" s="17" t="e">
        <f>VLOOKUP(C1149,[1]分類番号!$A$4:$B$1149,2,0)</f>
        <v>#N/A</v>
      </c>
      <c r="E1149" s="16"/>
      <c r="G1149" s="14"/>
      <c r="H1149" s="3"/>
      <c r="I1149" s="3"/>
      <c r="J1149" s="3"/>
      <c r="K1149" s="3"/>
    </row>
    <row r="1150" spans="2:11" ht="18" hidden="1" customHeight="1" x14ac:dyDescent="0.4">
      <c r="B1150" s="10"/>
      <c r="C1150" s="18"/>
      <c r="D1150" s="17" t="e">
        <f>VLOOKUP(C1150,[1]分類番号!$A$4:$B$1149,2,0)</f>
        <v>#N/A</v>
      </c>
      <c r="E1150" s="16"/>
      <c r="G1150" s="14"/>
      <c r="H1150" s="3"/>
      <c r="I1150" s="3"/>
      <c r="J1150" s="3"/>
      <c r="K1150" s="3"/>
    </row>
    <row r="1151" spans="2:11" ht="18" hidden="1" customHeight="1" x14ac:dyDescent="0.4">
      <c r="B1151" s="10"/>
      <c r="C1151" s="18"/>
      <c r="D1151" s="17" t="e">
        <f>VLOOKUP(C1151,[1]分類番号!$A$4:$B$1149,2,0)</f>
        <v>#N/A</v>
      </c>
      <c r="E1151" s="16"/>
      <c r="G1151" s="14"/>
      <c r="H1151" s="3"/>
      <c r="I1151" s="3"/>
      <c r="J1151" s="3"/>
      <c r="K1151" s="3"/>
    </row>
    <row r="1152" spans="2:11" ht="18" hidden="1" customHeight="1" x14ac:dyDescent="0.4">
      <c r="B1152" s="10"/>
      <c r="C1152" s="18"/>
      <c r="D1152" s="17" t="e">
        <f>VLOOKUP(C1152,[1]分類番号!$A$4:$B$1149,2,0)</f>
        <v>#N/A</v>
      </c>
      <c r="E1152" s="16"/>
      <c r="G1152" s="14"/>
      <c r="H1152" s="3"/>
      <c r="I1152" s="3"/>
      <c r="J1152" s="3"/>
      <c r="K1152" s="3"/>
    </row>
    <row r="1153" spans="2:11" ht="18" hidden="1" customHeight="1" x14ac:dyDescent="0.4">
      <c r="B1153" s="10"/>
      <c r="C1153" s="18"/>
      <c r="D1153" s="17" t="e">
        <f>VLOOKUP(C1153,[1]分類番号!$A$4:$B$1149,2,0)</f>
        <v>#N/A</v>
      </c>
      <c r="E1153" s="16"/>
      <c r="G1153" s="14"/>
      <c r="H1153" s="3"/>
      <c r="I1153" s="3"/>
      <c r="J1153" s="3"/>
      <c r="K1153" s="3"/>
    </row>
    <row r="1154" spans="2:11" ht="18" hidden="1" customHeight="1" x14ac:dyDescent="0.4">
      <c r="B1154" s="10"/>
      <c r="C1154" s="18"/>
      <c r="D1154" s="17" t="e">
        <f>VLOOKUP(C1154,[1]分類番号!$A$4:$B$1149,2,0)</f>
        <v>#N/A</v>
      </c>
      <c r="E1154" s="16"/>
      <c r="G1154" s="14"/>
      <c r="H1154" s="3"/>
      <c r="I1154" s="3"/>
      <c r="J1154" s="3"/>
      <c r="K1154" s="3"/>
    </row>
    <row r="1155" spans="2:11" ht="18" hidden="1" customHeight="1" x14ac:dyDescent="0.4">
      <c r="B1155" s="10"/>
      <c r="C1155" s="18"/>
      <c r="D1155" s="17" t="e">
        <f>VLOOKUP(C1155,[1]分類番号!$A$4:$B$1149,2,0)</f>
        <v>#N/A</v>
      </c>
      <c r="E1155" s="16"/>
      <c r="G1155" s="14"/>
      <c r="H1155" s="3"/>
      <c r="I1155" s="3"/>
      <c r="J1155" s="3"/>
      <c r="K1155" s="3"/>
    </row>
    <row r="1156" spans="2:11" ht="18" hidden="1" customHeight="1" x14ac:dyDescent="0.4">
      <c r="B1156" s="10"/>
      <c r="C1156" s="18"/>
      <c r="D1156" s="17" t="e">
        <f>VLOOKUP(C1156,[1]分類番号!$A$4:$B$1149,2,0)</f>
        <v>#N/A</v>
      </c>
      <c r="E1156" s="16"/>
      <c r="G1156" s="14"/>
      <c r="H1156" s="3"/>
      <c r="I1156" s="3"/>
      <c r="J1156" s="3"/>
      <c r="K1156" s="3"/>
    </row>
    <row r="1157" spans="2:11" ht="18" hidden="1" customHeight="1" x14ac:dyDescent="0.4">
      <c r="B1157" s="10"/>
      <c r="C1157" s="18"/>
      <c r="D1157" s="17" t="e">
        <f>VLOOKUP(C1157,[1]分類番号!$A$4:$B$1149,2,0)</f>
        <v>#N/A</v>
      </c>
      <c r="E1157" s="16"/>
      <c r="G1157" s="14"/>
      <c r="H1157" s="3"/>
      <c r="I1157" s="3"/>
      <c r="J1157" s="3"/>
      <c r="K1157" s="3"/>
    </row>
    <row r="1158" spans="2:11" ht="18" hidden="1" customHeight="1" x14ac:dyDescent="0.4">
      <c r="B1158" s="10"/>
      <c r="C1158" s="18"/>
      <c r="D1158" s="17" t="e">
        <f>VLOOKUP(C1158,[1]分類番号!$A$4:$B$1149,2,0)</f>
        <v>#N/A</v>
      </c>
      <c r="E1158" s="16"/>
      <c r="G1158" s="14"/>
      <c r="H1158" s="3"/>
      <c r="I1158" s="3"/>
      <c r="J1158" s="3"/>
      <c r="K1158" s="3"/>
    </row>
    <row r="1159" spans="2:11" ht="18" hidden="1" customHeight="1" x14ac:dyDescent="0.4">
      <c r="B1159" s="10"/>
      <c r="C1159" s="18"/>
      <c r="D1159" s="17" t="e">
        <f>VLOOKUP(C1159,[1]分類番号!$A$4:$B$1149,2,0)</f>
        <v>#N/A</v>
      </c>
      <c r="E1159" s="16"/>
      <c r="G1159" s="14"/>
      <c r="H1159" s="3"/>
      <c r="I1159" s="3"/>
      <c r="J1159" s="3"/>
      <c r="K1159" s="3"/>
    </row>
    <row r="1160" spans="2:11" ht="18" hidden="1" customHeight="1" x14ac:dyDescent="0.4">
      <c r="B1160" s="10"/>
      <c r="C1160" s="18"/>
      <c r="D1160" s="17" t="e">
        <f>VLOOKUP(C1160,[1]分類番号!$A$4:$B$1149,2,0)</f>
        <v>#N/A</v>
      </c>
      <c r="E1160" s="16"/>
      <c r="G1160" s="14"/>
      <c r="H1160" s="3"/>
      <c r="I1160" s="3"/>
      <c r="J1160" s="3"/>
      <c r="K1160" s="3"/>
    </row>
    <row r="1161" spans="2:11" ht="18" hidden="1" customHeight="1" x14ac:dyDescent="0.4">
      <c r="B1161" s="10"/>
      <c r="C1161" s="18"/>
      <c r="D1161" s="17" t="e">
        <f>VLOOKUP(C1161,[1]分類番号!$A$4:$B$1149,2,0)</f>
        <v>#N/A</v>
      </c>
      <c r="E1161" s="16"/>
      <c r="G1161" s="14"/>
      <c r="H1161" s="3"/>
      <c r="I1161" s="3"/>
      <c r="J1161" s="3"/>
      <c r="K1161" s="3"/>
    </row>
    <row r="1162" spans="2:11" ht="18" hidden="1" customHeight="1" x14ac:dyDescent="0.4">
      <c r="B1162" s="10"/>
      <c r="C1162" s="18"/>
      <c r="D1162" s="17" t="e">
        <f>VLOOKUP(C1162,[1]分類番号!$A$4:$B$1149,2,0)</f>
        <v>#N/A</v>
      </c>
      <c r="E1162" s="16"/>
      <c r="G1162" s="14"/>
      <c r="H1162" s="3"/>
      <c r="I1162" s="3"/>
      <c r="J1162" s="3"/>
      <c r="K1162" s="3"/>
    </row>
    <row r="1163" spans="2:11" ht="18" hidden="1" customHeight="1" x14ac:dyDescent="0.4">
      <c r="B1163" s="10"/>
      <c r="C1163" s="18"/>
      <c r="D1163" s="17" t="e">
        <f>VLOOKUP(C1163,[1]分類番号!$A$4:$B$1149,2,0)</f>
        <v>#N/A</v>
      </c>
      <c r="E1163" s="16"/>
      <c r="G1163" s="14"/>
      <c r="H1163" s="3"/>
      <c r="I1163" s="3"/>
      <c r="J1163" s="3"/>
      <c r="K1163" s="3"/>
    </row>
    <row r="1164" spans="2:11" ht="18" hidden="1" customHeight="1" x14ac:dyDescent="0.4">
      <c r="B1164" s="10"/>
      <c r="C1164" s="18"/>
      <c r="D1164" s="17" t="e">
        <f>VLOOKUP(C1164,[1]分類番号!$A$4:$B$1149,2,0)</f>
        <v>#N/A</v>
      </c>
      <c r="E1164" s="16"/>
      <c r="G1164" s="14"/>
      <c r="H1164" s="3"/>
      <c r="I1164" s="3"/>
      <c r="J1164" s="3"/>
      <c r="K1164" s="3"/>
    </row>
    <row r="1165" spans="2:11" ht="18" hidden="1" customHeight="1" x14ac:dyDescent="0.4">
      <c r="B1165" s="10"/>
      <c r="C1165" s="18"/>
      <c r="D1165" s="17" t="e">
        <f>VLOOKUP(C1165,[1]分類番号!$A$4:$B$1149,2,0)</f>
        <v>#N/A</v>
      </c>
      <c r="E1165" s="16"/>
      <c r="G1165" s="14"/>
      <c r="H1165" s="3"/>
      <c r="I1165" s="3"/>
      <c r="J1165" s="3"/>
      <c r="K1165" s="3"/>
    </row>
    <row r="1166" spans="2:11" ht="18" hidden="1" customHeight="1" x14ac:dyDescent="0.4">
      <c r="B1166" s="10"/>
      <c r="C1166" s="18"/>
      <c r="D1166" s="17" t="e">
        <f>VLOOKUP(C1166,[1]分類番号!$A$4:$B$1149,2,0)</f>
        <v>#N/A</v>
      </c>
      <c r="E1166" s="16"/>
      <c r="G1166" s="14"/>
      <c r="H1166" s="3"/>
      <c r="I1166" s="3"/>
      <c r="J1166" s="3"/>
      <c r="K1166" s="3"/>
    </row>
    <row r="1167" spans="2:11" ht="18" hidden="1" customHeight="1" x14ac:dyDescent="0.4">
      <c r="B1167" s="10"/>
      <c r="C1167" s="18"/>
      <c r="D1167" s="17" t="e">
        <f>VLOOKUP(C1167,[1]分類番号!$A$4:$B$1149,2,0)</f>
        <v>#N/A</v>
      </c>
      <c r="E1167" s="16"/>
      <c r="G1167" s="14"/>
      <c r="H1167" s="3"/>
      <c r="I1167" s="3"/>
      <c r="J1167" s="3"/>
      <c r="K1167" s="3"/>
    </row>
    <row r="1168" spans="2:11" ht="18" hidden="1" customHeight="1" x14ac:dyDescent="0.4">
      <c r="B1168" s="10"/>
      <c r="C1168" s="18"/>
      <c r="D1168" s="17" t="e">
        <f>VLOOKUP(C1168,[1]分類番号!$A$4:$B$1149,2,0)</f>
        <v>#N/A</v>
      </c>
      <c r="E1168" s="16"/>
      <c r="G1168" s="14"/>
      <c r="H1168" s="3"/>
      <c r="I1168" s="3"/>
      <c r="J1168" s="3"/>
      <c r="K1168" s="3"/>
    </row>
    <row r="1169" spans="2:11" ht="18" hidden="1" customHeight="1" x14ac:dyDescent="0.4">
      <c r="B1169" s="10"/>
      <c r="C1169" s="18"/>
      <c r="D1169" s="17" t="e">
        <f>VLOOKUP(C1169,[1]分類番号!$A$4:$B$1149,2,0)</f>
        <v>#N/A</v>
      </c>
      <c r="E1169" s="16"/>
      <c r="G1169" s="14"/>
      <c r="H1169" s="3"/>
      <c r="I1169" s="3"/>
      <c r="J1169" s="3"/>
      <c r="K1169" s="3"/>
    </row>
    <row r="1170" spans="2:11" ht="18" hidden="1" customHeight="1" x14ac:dyDescent="0.4">
      <c r="B1170" s="10"/>
      <c r="C1170" s="18"/>
      <c r="D1170" s="17" t="e">
        <f>VLOOKUP(C1170,[1]分類番号!$A$4:$B$1149,2,0)</f>
        <v>#N/A</v>
      </c>
      <c r="E1170" s="16"/>
      <c r="G1170" s="14"/>
      <c r="H1170" s="3"/>
      <c r="I1170" s="3"/>
      <c r="J1170" s="3"/>
      <c r="K1170" s="3"/>
    </row>
    <row r="1171" spans="2:11" ht="18" hidden="1" customHeight="1" x14ac:dyDescent="0.4">
      <c r="B1171" s="10"/>
      <c r="C1171" s="18"/>
      <c r="D1171" s="17" t="e">
        <f>VLOOKUP(C1171,[1]分類番号!$A$4:$B$1149,2,0)</f>
        <v>#N/A</v>
      </c>
      <c r="E1171" s="16"/>
      <c r="G1171" s="14"/>
      <c r="H1171" s="3"/>
      <c r="I1171" s="3"/>
      <c r="J1171" s="3"/>
      <c r="K1171" s="3"/>
    </row>
    <row r="1172" spans="2:11" ht="18" hidden="1" customHeight="1" x14ac:dyDescent="0.4">
      <c r="B1172" s="10"/>
      <c r="C1172" s="18"/>
      <c r="D1172" s="17" t="e">
        <f>VLOOKUP(C1172,[1]分類番号!$A$4:$B$1149,2,0)</f>
        <v>#N/A</v>
      </c>
      <c r="E1172" s="16"/>
      <c r="G1172" s="14"/>
      <c r="H1172" s="3"/>
      <c r="I1172" s="3"/>
      <c r="J1172" s="3"/>
      <c r="K1172" s="3"/>
    </row>
    <row r="1173" spans="2:11" ht="18" hidden="1" customHeight="1" x14ac:dyDescent="0.4">
      <c r="B1173" s="10"/>
      <c r="C1173" s="18"/>
      <c r="D1173" s="17" t="e">
        <f>VLOOKUP(C1173,[1]分類番号!$A$4:$B$1149,2,0)</f>
        <v>#N/A</v>
      </c>
      <c r="E1173" s="16"/>
      <c r="G1173" s="14"/>
      <c r="H1173" s="3"/>
      <c r="I1173" s="3"/>
      <c r="J1173" s="3"/>
      <c r="K1173" s="3"/>
    </row>
    <row r="1174" spans="2:11" ht="18" hidden="1" customHeight="1" x14ac:dyDescent="0.4">
      <c r="B1174" s="10"/>
      <c r="C1174" s="18"/>
      <c r="D1174" s="17" t="e">
        <f>VLOOKUP(C1174,[1]分類番号!$A$4:$B$1149,2,0)</f>
        <v>#N/A</v>
      </c>
      <c r="E1174" s="16"/>
      <c r="G1174" s="14"/>
      <c r="H1174" s="3"/>
      <c r="I1174" s="3"/>
      <c r="J1174" s="3"/>
      <c r="K1174" s="3"/>
    </row>
    <row r="1175" spans="2:11" ht="18" hidden="1" customHeight="1" x14ac:dyDescent="0.4">
      <c r="B1175" s="10"/>
      <c r="C1175" s="18"/>
      <c r="D1175" s="17" t="e">
        <f>VLOOKUP(C1175,[1]分類番号!$A$4:$B$1149,2,0)</f>
        <v>#N/A</v>
      </c>
      <c r="E1175" s="16"/>
      <c r="G1175" s="14"/>
      <c r="H1175" s="3"/>
      <c r="I1175" s="3"/>
      <c r="J1175" s="3"/>
      <c r="K1175" s="3"/>
    </row>
    <row r="1176" spans="2:11" ht="18" hidden="1" customHeight="1" x14ac:dyDescent="0.4">
      <c r="B1176" s="10"/>
      <c r="C1176" s="18"/>
      <c r="D1176" s="17" t="e">
        <f>VLOOKUP(C1176,[1]分類番号!$A$4:$B$1149,2,0)</f>
        <v>#N/A</v>
      </c>
      <c r="E1176" s="16"/>
      <c r="G1176" s="14"/>
      <c r="H1176" s="3"/>
      <c r="I1176" s="3"/>
      <c r="J1176" s="3"/>
      <c r="K1176" s="3"/>
    </row>
    <row r="1177" spans="2:11" ht="18" hidden="1" customHeight="1" x14ac:dyDescent="0.4">
      <c r="B1177" s="10"/>
      <c r="C1177" s="18"/>
      <c r="D1177" s="17" t="e">
        <f>VLOOKUP(C1177,[1]分類番号!$A$4:$B$1149,2,0)</f>
        <v>#N/A</v>
      </c>
      <c r="E1177" s="16"/>
      <c r="G1177" s="14"/>
      <c r="H1177" s="3"/>
      <c r="I1177" s="3"/>
      <c r="J1177" s="3"/>
      <c r="K1177" s="3"/>
    </row>
    <row r="1178" spans="2:11" ht="18" hidden="1" customHeight="1" x14ac:dyDescent="0.4">
      <c r="B1178" s="10"/>
      <c r="C1178" s="18"/>
      <c r="D1178" s="17" t="e">
        <f>VLOOKUP(C1178,[1]分類番号!$A$4:$B$1149,2,0)</f>
        <v>#N/A</v>
      </c>
      <c r="E1178" s="16"/>
      <c r="G1178" s="14"/>
      <c r="H1178" s="3"/>
      <c r="I1178" s="3"/>
      <c r="J1178" s="3"/>
      <c r="K1178" s="3"/>
    </row>
    <row r="1179" spans="2:11" ht="18" hidden="1" customHeight="1" x14ac:dyDescent="0.4">
      <c r="B1179" s="10"/>
      <c r="C1179" s="18"/>
      <c r="D1179" s="17" t="e">
        <f>VLOOKUP(C1179,[1]分類番号!$A$4:$B$1149,2,0)</f>
        <v>#N/A</v>
      </c>
      <c r="E1179" s="16"/>
      <c r="G1179" s="14"/>
      <c r="H1179" s="3"/>
      <c r="I1179" s="3"/>
      <c r="J1179" s="3"/>
      <c r="K1179" s="3"/>
    </row>
    <row r="1180" spans="2:11" ht="18" hidden="1" customHeight="1" x14ac:dyDescent="0.4">
      <c r="B1180" s="10"/>
      <c r="C1180" s="20"/>
      <c r="D1180" s="17" t="e">
        <f>VLOOKUP(C1180,[1]分類番号!$A$4:$B$1149,2,0)</f>
        <v>#N/A</v>
      </c>
      <c r="E1180" s="16"/>
      <c r="G1180" s="14"/>
      <c r="H1180" s="3"/>
      <c r="I1180" s="3"/>
      <c r="J1180" s="3"/>
      <c r="K1180" s="3"/>
    </row>
    <row r="1181" spans="2:11" ht="18" hidden="1" customHeight="1" x14ac:dyDescent="0.4">
      <c r="B1181" s="10"/>
      <c r="C1181" s="20"/>
      <c r="D1181" s="17" t="e">
        <f>VLOOKUP(C1181,[1]分類番号!$A$4:$B$1149,2,0)</f>
        <v>#N/A</v>
      </c>
      <c r="E1181" s="16"/>
      <c r="G1181" s="14"/>
      <c r="H1181" s="3"/>
      <c r="I1181" s="3"/>
      <c r="J1181" s="3"/>
      <c r="K1181" s="3"/>
    </row>
    <row r="1182" spans="2:11" ht="18" hidden="1" customHeight="1" x14ac:dyDescent="0.4">
      <c r="B1182" s="10"/>
      <c r="C1182" s="20"/>
      <c r="D1182" s="17" t="e">
        <f>VLOOKUP(C1182,[1]分類番号!$A$4:$B$1149,2,0)</f>
        <v>#N/A</v>
      </c>
      <c r="E1182" s="16"/>
      <c r="G1182" s="14"/>
      <c r="H1182" s="3"/>
      <c r="I1182" s="3"/>
      <c r="J1182" s="3"/>
      <c r="K1182" s="3"/>
    </row>
    <row r="1183" spans="2:11" ht="18" hidden="1" customHeight="1" x14ac:dyDescent="0.4">
      <c r="B1183" s="10"/>
      <c r="C1183" s="20"/>
      <c r="D1183" s="17" t="e">
        <f>VLOOKUP(C1183,[1]分類番号!$A$4:$B$1149,2,0)</f>
        <v>#N/A</v>
      </c>
      <c r="E1183" s="16"/>
      <c r="G1183" s="14"/>
      <c r="H1183" s="3"/>
      <c r="I1183" s="3"/>
      <c r="J1183" s="3"/>
      <c r="K1183" s="3"/>
    </row>
    <row r="1184" spans="2:11" ht="18" hidden="1" customHeight="1" x14ac:dyDescent="0.4">
      <c r="B1184" s="10"/>
      <c r="C1184" s="20"/>
      <c r="D1184" s="17" t="e">
        <f>VLOOKUP(C1184,[1]分類番号!$A$4:$B$1149,2,0)</f>
        <v>#N/A</v>
      </c>
      <c r="E1184" s="16"/>
      <c r="G1184" s="14"/>
      <c r="H1184" s="3"/>
      <c r="I1184" s="3"/>
      <c r="J1184" s="3"/>
      <c r="K1184" s="3"/>
    </row>
    <row r="1185" spans="2:11" ht="18" hidden="1" customHeight="1" x14ac:dyDescent="0.4">
      <c r="B1185" s="10"/>
      <c r="C1185" s="20"/>
      <c r="D1185" s="17" t="e">
        <f>VLOOKUP(C1185,[1]分類番号!$A$4:$B$1149,2,0)</f>
        <v>#N/A</v>
      </c>
      <c r="E1185" s="16"/>
      <c r="G1185" s="14"/>
      <c r="H1185" s="3"/>
      <c r="I1185" s="3"/>
      <c r="J1185" s="3"/>
      <c r="K1185" s="3"/>
    </row>
    <row r="1186" spans="2:11" ht="18" hidden="1" customHeight="1" x14ac:dyDescent="0.4">
      <c r="B1186" s="10"/>
      <c r="C1186" s="20"/>
      <c r="D1186" s="17" t="e">
        <f>VLOOKUP(C1186,[1]分類番号!$A$4:$B$1149,2,0)</f>
        <v>#N/A</v>
      </c>
      <c r="E1186" s="16"/>
      <c r="G1186" s="14"/>
      <c r="H1186" s="3"/>
      <c r="I1186" s="3"/>
      <c r="J1186" s="3"/>
      <c r="K1186" s="3"/>
    </row>
    <row r="1187" spans="2:11" ht="18" hidden="1" customHeight="1" x14ac:dyDescent="0.4">
      <c r="B1187" s="10"/>
      <c r="C1187" s="20"/>
      <c r="D1187" s="17" t="e">
        <f>VLOOKUP(C1187,[1]分類番号!$A$4:$B$1149,2,0)</f>
        <v>#N/A</v>
      </c>
      <c r="E1187" s="16"/>
      <c r="G1187" s="14"/>
      <c r="H1187" s="3"/>
      <c r="I1187" s="3"/>
      <c r="J1187" s="3"/>
      <c r="K1187" s="3"/>
    </row>
    <row r="1188" spans="2:11" ht="18" hidden="1" customHeight="1" x14ac:dyDescent="0.4">
      <c r="B1188" s="10"/>
      <c r="C1188" s="20"/>
      <c r="D1188" s="17" t="e">
        <f>VLOOKUP(C1188,[1]分類番号!$A$4:$B$1149,2,0)</f>
        <v>#N/A</v>
      </c>
      <c r="E1188" s="16"/>
      <c r="G1188" s="14"/>
      <c r="H1188" s="3"/>
      <c r="I1188" s="3"/>
      <c r="J1188" s="3"/>
      <c r="K1188" s="3"/>
    </row>
    <row r="1189" spans="2:11" ht="18" hidden="1" customHeight="1" x14ac:dyDescent="0.4">
      <c r="B1189" s="10"/>
      <c r="C1189" s="20"/>
      <c r="D1189" s="17" t="e">
        <f>VLOOKUP(C1189,[1]分類番号!$A$4:$B$1149,2,0)</f>
        <v>#N/A</v>
      </c>
      <c r="E1189" s="16"/>
      <c r="G1189" s="14"/>
      <c r="H1189" s="3"/>
      <c r="I1189" s="3"/>
      <c r="J1189" s="3"/>
      <c r="K1189" s="3"/>
    </row>
    <row r="1190" spans="2:11" ht="18" hidden="1" customHeight="1" x14ac:dyDescent="0.4">
      <c r="B1190" s="10"/>
      <c r="C1190" s="20"/>
      <c r="D1190" s="17" t="e">
        <f>VLOOKUP(C1190,[1]分類番号!$A$4:$B$1149,2,0)</f>
        <v>#N/A</v>
      </c>
      <c r="E1190" s="16"/>
      <c r="G1190" s="14"/>
      <c r="H1190" s="3"/>
      <c r="I1190" s="3"/>
      <c r="J1190" s="3"/>
      <c r="K1190" s="3"/>
    </row>
    <row r="1191" spans="2:11" ht="18" hidden="1" customHeight="1" x14ac:dyDescent="0.4">
      <c r="B1191" s="10"/>
      <c r="C1191" s="20"/>
      <c r="D1191" s="17" t="e">
        <f>VLOOKUP(C1191,[1]分類番号!$A$4:$B$1149,2,0)</f>
        <v>#N/A</v>
      </c>
      <c r="E1191" s="16"/>
      <c r="G1191" s="14"/>
      <c r="H1191" s="3"/>
      <c r="I1191" s="3"/>
      <c r="J1191" s="3"/>
      <c r="K1191" s="3"/>
    </row>
    <row r="1192" spans="2:11" ht="18" hidden="1" customHeight="1" x14ac:dyDescent="0.4">
      <c r="B1192" s="10"/>
      <c r="C1192" s="20"/>
      <c r="D1192" s="17" t="e">
        <f>VLOOKUP(C1192,[1]分類番号!$A$4:$B$1149,2,0)</f>
        <v>#N/A</v>
      </c>
      <c r="E1192" s="16"/>
      <c r="G1192" s="14"/>
      <c r="H1192" s="3"/>
      <c r="I1192" s="3"/>
      <c r="J1192" s="3"/>
      <c r="K1192" s="3"/>
    </row>
    <row r="1193" spans="2:11" ht="18" hidden="1" customHeight="1" x14ac:dyDescent="0.4">
      <c r="B1193" s="10"/>
      <c r="C1193" s="20"/>
      <c r="D1193" s="17" t="e">
        <f>VLOOKUP(C1193,[1]分類番号!$A$4:$B$1149,2,0)</f>
        <v>#N/A</v>
      </c>
      <c r="E1193" s="16"/>
      <c r="G1193" s="14"/>
      <c r="H1193" s="3"/>
      <c r="I1193" s="3"/>
      <c r="J1193" s="3"/>
      <c r="K1193" s="3"/>
    </row>
    <row r="1194" spans="2:11" ht="18" hidden="1" customHeight="1" x14ac:dyDescent="0.4">
      <c r="B1194" s="10"/>
      <c r="C1194" s="20"/>
      <c r="D1194" s="17" t="e">
        <f>VLOOKUP(C1194,[1]分類番号!$A$4:$B$1149,2,0)</f>
        <v>#N/A</v>
      </c>
      <c r="E1194" s="16"/>
      <c r="G1194" s="14"/>
      <c r="H1194" s="3"/>
      <c r="I1194" s="3"/>
      <c r="J1194" s="3"/>
      <c r="K1194" s="3"/>
    </row>
    <row r="1195" spans="2:11" ht="18" hidden="1" customHeight="1" x14ac:dyDescent="0.4">
      <c r="B1195" s="10"/>
      <c r="C1195" s="20"/>
      <c r="D1195" s="17" t="e">
        <f>VLOOKUP(C1195,[1]分類番号!$A$4:$B$1149,2,0)</f>
        <v>#N/A</v>
      </c>
      <c r="E1195" s="16"/>
      <c r="G1195" s="14"/>
      <c r="H1195" s="3"/>
      <c r="I1195" s="3"/>
      <c r="J1195" s="3"/>
      <c r="K1195" s="3"/>
    </row>
    <row r="1196" spans="2:11" ht="18" hidden="1" customHeight="1" x14ac:dyDescent="0.4">
      <c r="B1196" s="10"/>
      <c r="C1196" s="20"/>
      <c r="D1196" s="17" t="e">
        <f>VLOOKUP(C1196,[1]分類番号!$A$4:$B$1149,2,0)</f>
        <v>#N/A</v>
      </c>
      <c r="E1196" s="16"/>
      <c r="G1196" s="14"/>
      <c r="H1196" s="3"/>
      <c r="I1196" s="3"/>
      <c r="J1196" s="3"/>
      <c r="K1196" s="3"/>
    </row>
    <row r="1197" spans="2:11" ht="18" hidden="1" customHeight="1" x14ac:dyDescent="0.4">
      <c r="B1197" s="10"/>
      <c r="C1197" s="20"/>
      <c r="D1197" s="17" t="e">
        <f>VLOOKUP(C1197,[1]分類番号!$A$4:$B$1149,2,0)</f>
        <v>#N/A</v>
      </c>
      <c r="E1197" s="16"/>
      <c r="G1197" s="14"/>
      <c r="H1197" s="3"/>
      <c r="I1197" s="3"/>
      <c r="J1197" s="3"/>
      <c r="K1197" s="3"/>
    </row>
    <row r="1198" spans="2:11" ht="18" hidden="1" customHeight="1" x14ac:dyDescent="0.4">
      <c r="B1198" s="10"/>
      <c r="C1198" s="20"/>
      <c r="D1198" s="17" t="e">
        <f>VLOOKUP(C1198,[1]分類番号!$A$4:$B$1149,2,0)</f>
        <v>#N/A</v>
      </c>
      <c r="E1198" s="16"/>
      <c r="G1198" s="14"/>
      <c r="H1198" s="3"/>
      <c r="I1198" s="3"/>
      <c r="J1198" s="3"/>
      <c r="K1198" s="3"/>
    </row>
    <row r="1199" spans="2:11" ht="18" hidden="1" customHeight="1" x14ac:dyDescent="0.4">
      <c r="B1199" s="10"/>
      <c r="C1199" s="20"/>
      <c r="D1199" s="17" t="e">
        <f>VLOOKUP(C1199,[1]分類番号!$A$4:$B$1149,2,0)</f>
        <v>#N/A</v>
      </c>
      <c r="E1199" s="16"/>
      <c r="G1199" s="14"/>
      <c r="H1199" s="3"/>
      <c r="I1199" s="3"/>
      <c r="J1199" s="3"/>
      <c r="K1199" s="3"/>
    </row>
    <row r="1200" spans="2:11" ht="18" hidden="1" customHeight="1" x14ac:dyDescent="0.4">
      <c r="B1200" s="10"/>
      <c r="C1200" s="20"/>
      <c r="D1200" s="17" t="e">
        <f>VLOOKUP(C1200,[1]分類番号!$A$4:$B$1149,2,0)</f>
        <v>#N/A</v>
      </c>
      <c r="E1200" s="16"/>
      <c r="G1200" s="14"/>
      <c r="H1200" s="3"/>
      <c r="I1200" s="3"/>
      <c r="J1200" s="3"/>
      <c r="K1200" s="3"/>
    </row>
    <row r="1201" spans="2:11" ht="18" hidden="1" customHeight="1" x14ac:dyDescent="0.4">
      <c r="B1201" s="10"/>
      <c r="C1201" s="20"/>
      <c r="D1201" s="17" t="e">
        <f>VLOOKUP(C1201,[1]分類番号!$A$4:$B$1149,2,0)</f>
        <v>#N/A</v>
      </c>
      <c r="E1201" s="16"/>
      <c r="G1201" s="14"/>
      <c r="H1201" s="3"/>
      <c r="I1201" s="3"/>
      <c r="J1201" s="3"/>
      <c r="K1201" s="3"/>
    </row>
    <row r="1202" spans="2:11" ht="18" hidden="1" customHeight="1" x14ac:dyDescent="0.4">
      <c r="B1202" s="10"/>
      <c r="C1202" s="20"/>
      <c r="D1202" s="17" t="e">
        <f>VLOOKUP(C1202,[1]分類番号!$A$4:$B$1149,2,0)</f>
        <v>#N/A</v>
      </c>
      <c r="E1202" s="16"/>
      <c r="G1202" s="14"/>
      <c r="H1202" s="3"/>
      <c r="I1202" s="3"/>
      <c r="J1202" s="3"/>
      <c r="K1202" s="3"/>
    </row>
    <row r="1203" spans="2:11" ht="18" hidden="1" customHeight="1" x14ac:dyDescent="0.4">
      <c r="B1203" s="10"/>
      <c r="C1203" s="20"/>
      <c r="D1203" s="17" t="e">
        <f>VLOOKUP(C1203,[1]分類番号!$A$4:$B$1149,2,0)</f>
        <v>#N/A</v>
      </c>
      <c r="E1203" s="16"/>
      <c r="G1203" s="14"/>
      <c r="H1203" s="3"/>
      <c r="I1203" s="3"/>
      <c r="J1203" s="3"/>
      <c r="K1203" s="3"/>
    </row>
    <row r="1204" spans="2:11" ht="18" hidden="1" customHeight="1" x14ac:dyDescent="0.4">
      <c r="B1204" s="10"/>
      <c r="C1204" s="20"/>
      <c r="D1204" s="17" t="e">
        <f>VLOOKUP(C1204,[1]分類番号!$A$4:$B$1149,2,0)</f>
        <v>#N/A</v>
      </c>
      <c r="E1204" s="16"/>
      <c r="G1204" s="14"/>
      <c r="H1204" s="3"/>
      <c r="I1204" s="3"/>
      <c r="J1204" s="3"/>
      <c r="K1204" s="3"/>
    </row>
    <row r="1205" spans="2:11" ht="18" hidden="1" customHeight="1" x14ac:dyDescent="0.4">
      <c r="B1205" s="10"/>
      <c r="C1205" s="20"/>
      <c r="D1205" s="17" t="e">
        <f>VLOOKUP(C1205,[1]分類番号!$A$4:$B$1149,2,0)</f>
        <v>#N/A</v>
      </c>
      <c r="E1205" s="16"/>
      <c r="G1205" s="14"/>
      <c r="H1205" s="3"/>
      <c r="I1205" s="3"/>
      <c r="J1205" s="3"/>
      <c r="K1205" s="3"/>
    </row>
    <row r="1206" spans="2:11" ht="18" hidden="1" customHeight="1" x14ac:dyDescent="0.4">
      <c r="B1206" s="10"/>
      <c r="C1206" s="19"/>
      <c r="D1206" s="17" t="e">
        <f>VLOOKUP(C1206,[1]分類番号!$A$4:$B$1149,2,0)</f>
        <v>#N/A</v>
      </c>
      <c r="E1206" s="16"/>
      <c r="G1206" s="14"/>
      <c r="H1206" s="3"/>
      <c r="I1206" s="3"/>
      <c r="J1206" s="3"/>
      <c r="K1206" s="3"/>
    </row>
    <row r="1207" spans="2:11" ht="18" hidden="1" customHeight="1" x14ac:dyDescent="0.4">
      <c r="B1207" s="10"/>
      <c r="C1207" s="19"/>
      <c r="D1207" s="17" t="e">
        <f>VLOOKUP(C1207,[1]分類番号!$A$4:$B$1149,2,0)</f>
        <v>#N/A</v>
      </c>
      <c r="E1207" s="16"/>
      <c r="G1207" s="14"/>
      <c r="H1207" s="3"/>
      <c r="I1207" s="3"/>
      <c r="J1207" s="3"/>
      <c r="K1207" s="3"/>
    </row>
    <row r="1208" spans="2:11" ht="18" hidden="1" customHeight="1" x14ac:dyDescent="0.4">
      <c r="B1208" s="10"/>
      <c r="C1208" s="19"/>
      <c r="D1208" s="17" t="e">
        <f>VLOOKUP(C1208,[1]分類番号!$A$4:$B$1149,2,0)</f>
        <v>#N/A</v>
      </c>
      <c r="E1208" s="16"/>
      <c r="G1208" s="14"/>
      <c r="H1208" s="3"/>
      <c r="I1208" s="3"/>
      <c r="J1208" s="3"/>
      <c r="K1208" s="3"/>
    </row>
    <row r="1209" spans="2:11" ht="18" hidden="1" customHeight="1" x14ac:dyDescent="0.4">
      <c r="B1209" s="10"/>
      <c r="C1209" s="19"/>
      <c r="D1209" s="17" t="e">
        <f>VLOOKUP(C1209,[1]分類番号!$A$4:$B$1149,2,0)</f>
        <v>#N/A</v>
      </c>
      <c r="E1209" s="16"/>
      <c r="G1209" s="14"/>
      <c r="H1209" s="3"/>
      <c r="I1209" s="3"/>
      <c r="J1209" s="3"/>
      <c r="K1209" s="3"/>
    </row>
    <row r="1210" spans="2:11" ht="18" hidden="1" customHeight="1" x14ac:dyDescent="0.4">
      <c r="B1210" s="10"/>
      <c r="C1210" s="19"/>
      <c r="D1210" s="17" t="e">
        <f>VLOOKUP(C1210,[1]分類番号!$A$4:$B$1149,2,0)</f>
        <v>#N/A</v>
      </c>
      <c r="E1210" s="16"/>
      <c r="G1210" s="14"/>
      <c r="H1210" s="3"/>
      <c r="I1210" s="3"/>
      <c r="J1210" s="3"/>
      <c r="K1210" s="3"/>
    </row>
    <row r="1211" spans="2:11" ht="18" hidden="1" customHeight="1" x14ac:dyDescent="0.4">
      <c r="B1211" s="10"/>
      <c r="C1211" s="19"/>
      <c r="D1211" s="17" t="e">
        <f>VLOOKUP(C1211,[1]分類番号!$A$4:$B$1149,2,0)</f>
        <v>#N/A</v>
      </c>
      <c r="E1211" s="16"/>
      <c r="G1211" s="14"/>
      <c r="H1211" s="3"/>
      <c r="I1211" s="3"/>
      <c r="J1211" s="3"/>
      <c r="K1211" s="3"/>
    </row>
    <row r="1212" spans="2:11" ht="18" hidden="1" customHeight="1" x14ac:dyDescent="0.4">
      <c r="B1212" s="10"/>
      <c r="C1212" s="19"/>
      <c r="D1212" s="17" t="e">
        <f>VLOOKUP(C1212,[1]分類番号!$A$4:$B$1149,2,0)</f>
        <v>#N/A</v>
      </c>
      <c r="E1212" s="16"/>
      <c r="G1212" s="14"/>
      <c r="H1212" s="3"/>
      <c r="I1212" s="3"/>
      <c r="J1212" s="3"/>
      <c r="K1212" s="3"/>
    </row>
    <row r="1213" spans="2:11" ht="18" hidden="1" customHeight="1" x14ac:dyDescent="0.4">
      <c r="B1213" s="10"/>
      <c r="C1213" s="18"/>
      <c r="D1213" s="17" t="e">
        <f>VLOOKUP(C1213,[1]分類番号!$A$4:$B$1149,2,0)</f>
        <v>#N/A</v>
      </c>
      <c r="E1213" s="16"/>
      <c r="G1213" s="14"/>
      <c r="H1213" s="3"/>
      <c r="I1213" s="3"/>
      <c r="J1213" s="3"/>
      <c r="K1213" s="3"/>
    </row>
    <row r="1214" spans="2:11" ht="18" hidden="1" customHeight="1" x14ac:dyDescent="0.4">
      <c r="B1214" s="10"/>
      <c r="C1214" s="18"/>
      <c r="D1214" s="17" t="e">
        <f>VLOOKUP(C1214,[1]分類番号!$A$4:$B$1149,2,0)</f>
        <v>#N/A</v>
      </c>
      <c r="E1214" s="16"/>
      <c r="G1214" s="14"/>
      <c r="H1214" s="3"/>
      <c r="I1214" s="3"/>
      <c r="J1214" s="3"/>
      <c r="K1214" s="3"/>
    </row>
    <row r="1215" spans="2:11" ht="18" hidden="1" customHeight="1" x14ac:dyDescent="0.4">
      <c r="B1215" s="10"/>
      <c r="C1215" s="18"/>
      <c r="D1215" s="17" t="e">
        <f>VLOOKUP(C1215,[1]分類番号!$A$4:$B$1149,2,0)</f>
        <v>#N/A</v>
      </c>
      <c r="E1215" s="16"/>
      <c r="G1215" s="14"/>
      <c r="H1215" s="3"/>
      <c r="I1215" s="3"/>
      <c r="J1215" s="3"/>
      <c r="K1215" s="3"/>
    </row>
    <row r="1216" spans="2:11" ht="18" hidden="1" customHeight="1" x14ac:dyDescent="0.4">
      <c r="B1216" s="10"/>
      <c r="C1216" s="18"/>
      <c r="D1216" s="17" t="e">
        <f>VLOOKUP(C1216,[1]分類番号!$A$4:$B$1149,2,0)</f>
        <v>#N/A</v>
      </c>
      <c r="E1216" s="16"/>
      <c r="G1216" s="14"/>
      <c r="H1216" s="3"/>
      <c r="I1216" s="3"/>
      <c r="J1216" s="3"/>
      <c r="K1216" s="3"/>
    </row>
    <row r="1217" spans="2:11" ht="18" hidden="1" customHeight="1" x14ac:dyDescent="0.4">
      <c r="B1217" s="10"/>
      <c r="C1217" s="18"/>
      <c r="D1217" s="17" t="e">
        <f>VLOOKUP(C1217,[1]分類番号!$A$4:$B$1149,2,0)</f>
        <v>#N/A</v>
      </c>
      <c r="E1217" s="16"/>
      <c r="G1217" s="14"/>
      <c r="H1217" s="3"/>
      <c r="I1217" s="3"/>
      <c r="J1217" s="3"/>
      <c r="K1217" s="3"/>
    </row>
    <row r="1218" spans="2:11" ht="18" hidden="1" customHeight="1" x14ac:dyDescent="0.4">
      <c r="B1218" s="10"/>
      <c r="C1218" s="18"/>
      <c r="D1218" s="17" t="e">
        <f>VLOOKUP(C1218,[1]分類番号!$A$4:$B$1149,2,0)</f>
        <v>#N/A</v>
      </c>
      <c r="E1218" s="16"/>
      <c r="G1218" s="14"/>
      <c r="H1218" s="3"/>
      <c r="I1218" s="3"/>
      <c r="J1218" s="3"/>
      <c r="K1218" s="3"/>
    </row>
    <row r="1219" spans="2:11" ht="18" hidden="1" customHeight="1" x14ac:dyDescent="0.4">
      <c r="B1219" s="10"/>
      <c r="C1219" s="18"/>
      <c r="D1219" s="17" t="e">
        <f>VLOOKUP(C1219,[1]分類番号!$A$4:$B$1149,2,0)</f>
        <v>#N/A</v>
      </c>
      <c r="E1219" s="16"/>
      <c r="G1219" s="14"/>
      <c r="H1219" s="3"/>
      <c r="I1219" s="3"/>
      <c r="J1219" s="3"/>
      <c r="K1219" s="3"/>
    </row>
    <row r="1220" spans="2:11" ht="18" hidden="1" customHeight="1" x14ac:dyDescent="0.4">
      <c r="B1220" s="10"/>
      <c r="C1220" s="18"/>
      <c r="D1220" s="17" t="e">
        <f>VLOOKUP(C1220,[1]分類番号!$A$4:$B$1149,2,0)</f>
        <v>#N/A</v>
      </c>
      <c r="E1220" s="16"/>
      <c r="G1220" s="14"/>
      <c r="H1220" s="3"/>
      <c r="I1220" s="3"/>
      <c r="J1220" s="3"/>
      <c r="K1220" s="3"/>
    </row>
    <row r="1221" spans="2:11" ht="18" hidden="1" customHeight="1" x14ac:dyDescent="0.4">
      <c r="B1221" s="10"/>
      <c r="C1221" s="18"/>
      <c r="D1221" s="17" t="e">
        <f>VLOOKUP(C1221,[1]分類番号!$A$4:$B$1149,2,0)</f>
        <v>#N/A</v>
      </c>
      <c r="E1221" s="16"/>
      <c r="G1221" s="14"/>
      <c r="H1221" s="3"/>
      <c r="I1221" s="3"/>
      <c r="J1221" s="3"/>
      <c r="K1221" s="3"/>
    </row>
    <row r="1222" spans="2:11" ht="18" hidden="1" customHeight="1" x14ac:dyDescent="0.4">
      <c r="B1222" s="10"/>
      <c r="C1222" s="18"/>
      <c r="D1222" s="17" t="e">
        <f>VLOOKUP(C1222,[1]分類番号!$A$4:$B$1149,2,0)</f>
        <v>#N/A</v>
      </c>
      <c r="E1222" s="16"/>
      <c r="G1222" s="14"/>
      <c r="H1222" s="3"/>
      <c r="I1222" s="3"/>
      <c r="J1222" s="3"/>
      <c r="K1222" s="3"/>
    </row>
    <row r="1223" spans="2:11" ht="18" hidden="1" customHeight="1" x14ac:dyDescent="0.4">
      <c r="B1223" s="10"/>
      <c r="C1223" s="18"/>
      <c r="D1223" s="17" t="e">
        <f>VLOOKUP(C1223,[1]分類番号!$A$4:$B$1149,2,0)</f>
        <v>#N/A</v>
      </c>
      <c r="E1223" s="16"/>
      <c r="G1223" s="14"/>
      <c r="H1223" s="3"/>
      <c r="I1223" s="3"/>
      <c r="J1223" s="3"/>
      <c r="K1223" s="3"/>
    </row>
    <row r="1224" spans="2:11" ht="18" hidden="1" customHeight="1" x14ac:dyDescent="0.4">
      <c r="B1224" s="10"/>
      <c r="C1224" s="18"/>
      <c r="D1224" s="17" t="e">
        <f>VLOOKUP(C1224,[1]分類番号!$A$4:$B$1149,2,0)</f>
        <v>#N/A</v>
      </c>
      <c r="E1224" s="16"/>
      <c r="G1224" s="14"/>
      <c r="H1224" s="3"/>
      <c r="I1224" s="3"/>
      <c r="J1224" s="3"/>
      <c r="K1224" s="3"/>
    </row>
    <row r="1225" spans="2:11" ht="18" hidden="1" customHeight="1" x14ac:dyDescent="0.4">
      <c r="B1225" s="10"/>
      <c r="C1225" s="18"/>
      <c r="D1225" s="17" t="e">
        <f>VLOOKUP(C1225,[1]分類番号!$A$4:$B$1149,2,0)</f>
        <v>#N/A</v>
      </c>
      <c r="E1225" s="16"/>
      <c r="G1225" s="14"/>
      <c r="H1225" s="3"/>
      <c r="I1225" s="3"/>
      <c r="J1225" s="3"/>
      <c r="K1225" s="3"/>
    </row>
    <row r="1226" spans="2:11" ht="18" hidden="1" customHeight="1" x14ac:dyDescent="0.4">
      <c r="B1226" s="10"/>
      <c r="C1226" s="18"/>
      <c r="D1226" s="17" t="e">
        <f>VLOOKUP(C1226,[1]分類番号!$A$4:$B$1149,2,0)</f>
        <v>#N/A</v>
      </c>
      <c r="E1226" s="16"/>
      <c r="G1226" s="14"/>
      <c r="H1226" s="3"/>
      <c r="I1226" s="3"/>
      <c r="J1226" s="3"/>
      <c r="K1226" s="3"/>
    </row>
    <row r="1227" spans="2:11" ht="18" hidden="1" customHeight="1" x14ac:dyDescent="0.4">
      <c r="B1227" s="10"/>
      <c r="C1227" s="18"/>
      <c r="D1227" s="17" t="e">
        <f>VLOOKUP(C1227,[1]分類番号!$A$4:$B$1149,2,0)</f>
        <v>#N/A</v>
      </c>
      <c r="E1227" s="16"/>
      <c r="G1227" s="14"/>
      <c r="H1227" s="3"/>
      <c r="I1227" s="3"/>
      <c r="J1227" s="3"/>
      <c r="K1227" s="3"/>
    </row>
    <row r="1228" spans="2:11" ht="18" hidden="1" customHeight="1" x14ac:dyDescent="0.4">
      <c r="B1228" s="10"/>
      <c r="C1228" s="18"/>
      <c r="D1228" s="17" t="e">
        <f>VLOOKUP(C1228,[1]分類番号!$A$4:$B$1149,2,0)</f>
        <v>#N/A</v>
      </c>
      <c r="E1228" s="16"/>
      <c r="G1228" s="14"/>
      <c r="H1228" s="3"/>
      <c r="I1228" s="3"/>
      <c r="J1228" s="3"/>
      <c r="K1228" s="3"/>
    </row>
    <row r="1229" spans="2:11" ht="35.25" hidden="1" customHeight="1" x14ac:dyDescent="0.4">
      <c r="B1229" s="10"/>
      <c r="C1229" s="18"/>
      <c r="D1229" s="17" t="e">
        <f>VLOOKUP(C1229,[1]分類番号!$A$4:$B$1149,2,0)</f>
        <v>#N/A</v>
      </c>
      <c r="E1229" s="16"/>
      <c r="G1229" s="14"/>
      <c r="H1229" s="3"/>
      <c r="I1229" s="3"/>
      <c r="J1229" s="3"/>
      <c r="K1229" s="3"/>
    </row>
    <row r="1230" spans="2:11" ht="18" hidden="1" customHeight="1" x14ac:dyDescent="0.4">
      <c r="B1230" s="10"/>
      <c r="C1230" s="18"/>
      <c r="D1230" s="17" t="e">
        <f>VLOOKUP(C1230,[1]分類番号!$A$4:$B$1149,2,0)</f>
        <v>#N/A</v>
      </c>
      <c r="E1230" s="16"/>
      <c r="G1230" s="14"/>
      <c r="H1230" s="3"/>
      <c r="I1230" s="3"/>
      <c r="J1230" s="3"/>
      <c r="K1230" s="3"/>
    </row>
    <row r="1231" spans="2:11" ht="18" hidden="1" customHeight="1" x14ac:dyDescent="0.4">
      <c r="B1231" s="10"/>
      <c r="C1231" s="18"/>
      <c r="D1231" s="17" t="e">
        <f>VLOOKUP(C1231,[1]分類番号!$A$4:$B$1149,2,0)</f>
        <v>#N/A</v>
      </c>
      <c r="E1231" s="16"/>
      <c r="G1231" s="14"/>
      <c r="H1231" s="3"/>
      <c r="I1231" s="3"/>
      <c r="J1231" s="3"/>
      <c r="K1231" s="3"/>
    </row>
    <row r="1232" spans="2:11" ht="18" hidden="1" customHeight="1" x14ac:dyDescent="0.4">
      <c r="B1232" s="10"/>
      <c r="C1232" s="18"/>
      <c r="D1232" s="17" t="e">
        <f>VLOOKUP(C1232,[1]分類番号!$A$4:$B$1149,2,0)</f>
        <v>#N/A</v>
      </c>
      <c r="E1232" s="16"/>
      <c r="G1232" s="14"/>
      <c r="H1232" s="3"/>
      <c r="I1232" s="3"/>
      <c r="J1232" s="3"/>
      <c r="K1232" s="3"/>
    </row>
    <row r="1233" spans="2:11" ht="18" hidden="1" customHeight="1" x14ac:dyDescent="0.4">
      <c r="B1233" s="10"/>
      <c r="C1233" s="18"/>
      <c r="D1233" s="17" t="e">
        <f>VLOOKUP(C1233,[1]分類番号!$A$4:$B$1149,2,0)</f>
        <v>#N/A</v>
      </c>
      <c r="E1233" s="16"/>
      <c r="G1233" s="14"/>
      <c r="H1233" s="3"/>
      <c r="I1233" s="3"/>
      <c r="J1233" s="3"/>
      <c r="K1233" s="3"/>
    </row>
    <row r="1234" spans="2:11" ht="18" hidden="1" customHeight="1" x14ac:dyDescent="0.4">
      <c r="B1234" s="10"/>
      <c r="C1234" s="18"/>
      <c r="D1234" s="17" t="e">
        <f>VLOOKUP(C1234,[1]分類番号!$A$4:$B$1149,2,0)</f>
        <v>#N/A</v>
      </c>
      <c r="E1234" s="16"/>
      <c r="G1234" s="14"/>
      <c r="H1234" s="3"/>
      <c r="I1234" s="3"/>
      <c r="J1234" s="3"/>
      <c r="K1234" s="3"/>
    </row>
    <row r="1235" spans="2:11" ht="18" hidden="1" customHeight="1" x14ac:dyDescent="0.4">
      <c r="B1235" s="10"/>
      <c r="C1235" s="18"/>
      <c r="D1235" s="17" t="e">
        <f>VLOOKUP(C1235,[1]分類番号!$A$4:$B$1149,2,0)</f>
        <v>#N/A</v>
      </c>
      <c r="E1235" s="16"/>
      <c r="G1235" s="14"/>
      <c r="H1235" s="3"/>
      <c r="I1235" s="3"/>
      <c r="J1235" s="3"/>
      <c r="K1235" s="3"/>
    </row>
    <row r="1236" spans="2:11" ht="18" hidden="1" customHeight="1" x14ac:dyDescent="0.4">
      <c r="B1236" s="10"/>
      <c r="C1236" s="18"/>
      <c r="D1236" s="17" t="e">
        <f>VLOOKUP(C1236,[1]分類番号!$A$4:$B$1149,2,0)</f>
        <v>#N/A</v>
      </c>
      <c r="E1236" s="16"/>
      <c r="G1236" s="14"/>
      <c r="H1236" s="3"/>
      <c r="I1236" s="3"/>
      <c r="J1236" s="3"/>
      <c r="K1236" s="3"/>
    </row>
    <row r="1237" spans="2:11" ht="18" hidden="1" customHeight="1" x14ac:dyDescent="0.4">
      <c r="B1237" s="10"/>
      <c r="C1237" s="18"/>
      <c r="D1237" s="17" t="e">
        <f>VLOOKUP(C1237,[1]分類番号!$A$4:$B$1149,2,0)</f>
        <v>#N/A</v>
      </c>
      <c r="E1237" s="16"/>
      <c r="G1237" s="14"/>
      <c r="H1237" s="3"/>
      <c r="I1237" s="3"/>
      <c r="J1237" s="3"/>
      <c r="K1237" s="3"/>
    </row>
    <row r="1238" spans="2:11" ht="18" hidden="1" customHeight="1" x14ac:dyDescent="0.4">
      <c r="B1238" s="10"/>
      <c r="C1238" s="18"/>
      <c r="D1238" s="17" t="e">
        <f>VLOOKUP(C1238,[1]分類番号!$A$4:$B$1149,2,0)</f>
        <v>#N/A</v>
      </c>
      <c r="E1238" s="16"/>
      <c r="G1238" s="14"/>
      <c r="H1238" s="3"/>
      <c r="I1238" s="3"/>
      <c r="J1238" s="3"/>
      <c r="K1238" s="3"/>
    </row>
    <row r="1239" spans="2:11" ht="18" hidden="1" customHeight="1" x14ac:dyDescent="0.4">
      <c r="B1239" s="10"/>
      <c r="C1239" s="18"/>
      <c r="D1239" s="17" t="e">
        <f>VLOOKUP(C1239,[1]分類番号!$A$4:$B$1149,2,0)</f>
        <v>#N/A</v>
      </c>
      <c r="E1239" s="16"/>
      <c r="G1239" s="14"/>
      <c r="H1239" s="3"/>
      <c r="I1239" s="3"/>
      <c r="J1239" s="3"/>
      <c r="K1239" s="3"/>
    </row>
    <row r="1240" spans="2:11" ht="18" hidden="1" customHeight="1" x14ac:dyDescent="0.4">
      <c r="B1240" s="10"/>
      <c r="C1240" s="18"/>
      <c r="D1240" s="17" t="e">
        <f>VLOOKUP(C1240,[1]分類番号!$A$4:$B$1149,2,0)</f>
        <v>#N/A</v>
      </c>
      <c r="E1240" s="16"/>
      <c r="G1240" s="14"/>
      <c r="H1240" s="3"/>
      <c r="I1240" s="3"/>
      <c r="J1240" s="3"/>
      <c r="K1240" s="3"/>
    </row>
    <row r="1241" spans="2:11" ht="18" hidden="1" customHeight="1" x14ac:dyDescent="0.4">
      <c r="B1241" s="10"/>
      <c r="C1241" s="18"/>
      <c r="D1241" s="17" t="e">
        <f>VLOOKUP(C1241,[1]分類番号!$A$4:$B$1149,2,0)</f>
        <v>#N/A</v>
      </c>
      <c r="E1241" s="16"/>
      <c r="G1241" s="14"/>
      <c r="H1241" s="3"/>
      <c r="I1241" s="3"/>
      <c r="J1241" s="3"/>
      <c r="K1241" s="3"/>
    </row>
    <row r="1242" spans="2:11" ht="18" hidden="1" customHeight="1" x14ac:dyDescent="0.4">
      <c r="B1242" s="10"/>
      <c r="C1242" s="18"/>
      <c r="D1242" s="17" t="e">
        <f>VLOOKUP(C1242,[1]分類番号!$A$4:$B$1149,2,0)</f>
        <v>#N/A</v>
      </c>
      <c r="E1242" s="16"/>
      <c r="G1242" s="14"/>
      <c r="H1242" s="3"/>
      <c r="I1242" s="3"/>
      <c r="J1242" s="3"/>
      <c r="K1242" s="3"/>
    </row>
    <row r="1243" spans="2:11" ht="18" hidden="1" customHeight="1" x14ac:dyDescent="0.4">
      <c r="B1243" s="10"/>
      <c r="C1243" s="18"/>
      <c r="D1243" s="17" t="e">
        <f>VLOOKUP(C1243,[1]分類番号!$A$4:$B$1149,2,0)</f>
        <v>#N/A</v>
      </c>
      <c r="E1243" s="16"/>
      <c r="G1243" s="14"/>
      <c r="H1243" s="3"/>
      <c r="I1243" s="3"/>
      <c r="J1243" s="3"/>
      <c r="K1243" s="3"/>
    </row>
    <row r="1244" spans="2:11" ht="18" hidden="1" customHeight="1" x14ac:dyDescent="0.4">
      <c r="B1244" s="10"/>
      <c r="C1244" s="18"/>
      <c r="D1244" s="17" t="e">
        <f>VLOOKUP(C1244,[1]分類番号!$A$4:$B$1149,2,0)</f>
        <v>#N/A</v>
      </c>
      <c r="E1244" s="16"/>
      <c r="G1244" s="14"/>
      <c r="H1244" s="3"/>
      <c r="I1244" s="3"/>
      <c r="J1244" s="3"/>
      <c r="K1244" s="3"/>
    </row>
    <row r="1245" spans="2:11" ht="18" hidden="1" customHeight="1" x14ac:dyDescent="0.4">
      <c r="B1245" s="10"/>
      <c r="C1245" s="18"/>
      <c r="D1245" s="17" t="e">
        <f>VLOOKUP(C1245,[1]分類番号!$A$4:$B$1149,2,0)</f>
        <v>#N/A</v>
      </c>
      <c r="E1245" s="16"/>
      <c r="G1245" s="14"/>
      <c r="H1245" s="3"/>
      <c r="I1245" s="3"/>
      <c r="J1245" s="3"/>
      <c r="K1245" s="3"/>
    </row>
    <row r="1246" spans="2:11" ht="18" hidden="1" customHeight="1" x14ac:dyDescent="0.4">
      <c r="B1246" s="10"/>
      <c r="C1246" s="18"/>
      <c r="D1246" s="17" t="e">
        <f>VLOOKUP(C1246,[1]分類番号!$A$4:$B$1149,2,0)</f>
        <v>#N/A</v>
      </c>
      <c r="E1246" s="16"/>
      <c r="G1246" s="14"/>
      <c r="H1246" s="3"/>
      <c r="I1246" s="3"/>
      <c r="J1246" s="3"/>
      <c r="K1246" s="3"/>
    </row>
    <row r="1247" spans="2:11" ht="18" hidden="1" customHeight="1" x14ac:dyDescent="0.4">
      <c r="B1247" s="10"/>
      <c r="C1247" s="18"/>
      <c r="D1247" s="17" t="e">
        <f>VLOOKUP(C1247,[1]分類番号!$A$4:$B$1149,2,0)</f>
        <v>#N/A</v>
      </c>
      <c r="E1247" s="16"/>
      <c r="G1247" s="14"/>
      <c r="H1247" s="3"/>
      <c r="I1247" s="3"/>
      <c r="J1247" s="3"/>
      <c r="K1247" s="3"/>
    </row>
    <row r="1248" spans="2:11" ht="18" hidden="1" customHeight="1" x14ac:dyDescent="0.4">
      <c r="B1248" s="10"/>
      <c r="C1248" s="18"/>
      <c r="D1248" s="17" t="e">
        <f>VLOOKUP(C1248,[1]分類番号!$A$4:$B$1149,2,0)</f>
        <v>#N/A</v>
      </c>
      <c r="E1248" s="16"/>
      <c r="G1248" s="14"/>
      <c r="H1248" s="3"/>
      <c r="I1248" s="3"/>
      <c r="J1248" s="3"/>
      <c r="K1248" s="3"/>
    </row>
    <row r="1249" spans="2:11" ht="18" hidden="1" customHeight="1" x14ac:dyDescent="0.4">
      <c r="B1249" s="10"/>
      <c r="C1249" s="18"/>
      <c r="D1249" s="17" t="e">
        <f>VLOOKUP(C1249,[1]分類番号!$A$4:$B$1149,2,0)</f>
        <v>#N/A</v>
      </c>
      <c r="E1249" s="16"/>
      <c r="G1249" s="14"/>
      <c r="H1249" s="3"/>
      <c r="I1249" s="3"/>
      <c r="J1249" s="3"/>
      <c r="K1249" s="3"/>
    </row>
    <row r="1250" spans="2:11" ht="18" hidden="1" customHeight="1" x14ac:dyDescent="0.4">
      <c r="B1250" s="10"/>
      <c r="C1250" s="18"/>
      <c r="D1250" s="17" t="e">
        <f>VLOOKUP(C1250,[1]分類番号!$A$4:$B$1149,2,0)</f>
        <v>#N/A</v>
      </c>
      <c r="E1250" s="16"/>
      <c r="G1250" s="14"/>
      <c r="H1250" s="3"/>
      <c r="I1250" s="3"/>
      <c r="J1250" s="3"/>
      <c r="K1250" s="3"/>
    </row>
    <row r="1251" spans="2:11" ht="18" hidden="1" customHeight="1" x14ac:dyDescent="0.4">
      <c r="B1251" s="10"/>
      <c r="C1251" s="18"/>
      <c r="D1251" s="17" t="e">
        <f>VLOOKUP(C1251,[1]分類番号!$A$4:$B$1149,2,0)</f>
        <v>#N/A</v>
      </c>
      <c r="E1251" s="16"/>
      <c r="G1251" s="14"/>
      <c r="H1251" s="3"/>
      <c r="I1251" s="3"/>
      <c r="J1251" s="3"/>
      <c r="K1251" s="3"/>
    </row>
    <row r="1252" spans="2:11" ht="18" hidden="1" customHeight="1" x14ac:dyDescent="0.4">
      <c r="B1252" s="10"/>
      <c r="C1252" s="18"/>
      <c r="D1252" s="17" t="e">
        <f>VLOOKUP(C1252,[1]分類番号!$A$4:$B$1149,2,0)</f>
        <v>#N/A</v>
      </c>
      <c r="E1252" s="16"/>
      <c r="G1252" s="14"/>
      <c r="H1252" s="3"/>
      <c r="I1252" s="3"/>
      <c r="J1252" s="3"/>
      <c r="K1252" s="3"/>
    </row>
    <row r="1253" spans="2:11" ht="18" hidden="1" customHeight="1" x14ac:dyDescent="0.4">
      <c r="B1253" s="10"/>
      <c r="C1253" s="18"/>
      <c r="D1253" s="17" t="e">
        <f>VLOOKUP(C1253,[1]分類番号!$A$4:$B$1149,2,0)</f>
        <v>#N/A</v>
      </c>
      <c r="E1253" s="16"/>
      <c r="G1253" s="14"/>
      <c r="H1253" s="3"/>
      <c r="I1253" s="3"/>
      <c r="J1253" s="3"/>
      <c r="K1253" s="3"/>
    </row>
    <row r="1254" spans="2:11" ht="18" hidden="1" customHeight="1" x14ac:dyDescent="0.4">
      <c r="B1254" s="10"/>
      <c r="C1254" s="18"/>
      <c r="D1254" s="17" t="e">
        <f>VLOOKUP(C1254,[1]分類番号!$A$4:$B$1149,2,0)</f>
        <v>#N/A</v>
      </c>
      <c r="E1254" s="16"/>
      <c r="G1254" s="14"/>
      <c r="H1254" s="3"/>
      <c r="I1254" s="3"/>
      <c r="J1254" s="3"/>
      <c r="K1254" s="3"/>
    </row>
    <row r="1255" spans="2:11" ht="18" hidden="1" customHeight="1" x14ac:dyDescent="0.4">
      <c r="B1255" s="10"/>
      <c r="C1255" s="18"/>
      <c r="D1255" s="17" t="e">
        <f>VLOOKUP(C1255,[1]分類番号!$A$4:$B$1149,2,0)</f>
        <v>#N/A</v>
      </c>
      <c r="E1255" s="16"/>
      <c r="G1255" s="14"/>
      <c r="H1255" s="3"/>
      <c r="I1255" s="3"/>
      <c r="J1255" s="3"/>
      <c r="K1255" s="3"/>
    </row>
    <row r="1256" spans="2:11" ht="18" hidden="1" customHeight="1" x14ac:dyDescent="0.4">
      <c r="B1256" s="10"/>
      <c r="C1256" s="18"/>
      <c r="D1256" s="17" t="e">
        <f>VLOOKUP(C1256,[1]分類番号!$A$4:$B$1149,2,0)</f>
        <v>#N/A</v>
      </c>
      <c r="E1256" s="16"/>
      <c r="G1256" s="14"/>
      <c r="H1256" s="3"/>
      <c r="I1256" s="3"/>
      <c r="J1256" s="3"/>
      <c r="K1256" s="3"/>
    </row>
    <row r="1257" spans="2:11" ht="18" hidden="1" customHeight="1" x14ac:dyDescent="0.4">
      <c r="B1257" s="10"/>
      <c r="C1257" s="18"/>
      <c r="D1257" s="17" t="e">
        <f>VLOOKUP(C1257,[1]分類番号!$A$4:$B$1149,2,0)</f>
        <v>#N/A</v>
      </c>
      <c r="E1257" s="16"/>
      <c r="G1257" s="14"/>
      <c r="H1257" s="3"/>
      <c r="I1257" s="3"/>
      <c r="J1257" s="3"/>
      <c r="K1257" s="3"/>
    </row>
    <row r="1258" spans="2:11" ht="18" hidden="1" customHeight="1" x14ac:dyDescent="0.4">
      <c r="B1258" s="10"/>
      <c r="C1258" s="18"/>
      <c r="D1258" s="17" t="e">
        <f>VLOOKUP(C1258,[1]分類番号!$A$4:$B$1149,2,0)</f>
        <v>#N/A</v>
      </c>
      <c r="E1258" s="16"/>
      <c r="G1258" s="14"/>
      <c r="H1258" s="3"/>
      <c r="I1258" s="3"/>
      <c r="J1258" s="3"/>
      <c r="K1258" s="3"/>
    </row>
    <row r="1259" spans="2:11" ht="18" hidden="1" customHeight="1" x14ac:dyDescent="0.4">
      <c r="B1259" s="10"/>
      <c r="C1259" s="18"/>
      <c r="D1259" s="17" t="e">
        <f>VLOOKUP(C1259,[1]分類番号!$A$4:$B$1149,2,0)</f>
        <v>#N/A</v>
      </c>
      <c r="E1259" s="16"/>
      <c r="G1259" s="14"/>
      <c r="H1259" s="3"/>
      <c r="I1259" s="3"/>
      <c r="J1259" s="3"/>
      <c r="K1259" s="3"/>
    </row>
    <row r="1260" spans="2:11" ht="18" hidden="1" customHeight="1" x14ac:dyDescent="0.4">
      <c r="B1260" s="10"/>
      <c r="C1260" s="18"/>
      <c r="D1260" s="17" t="e">
        <f>VLOOKUP(C1260,[1]分類番号!$A$4:$B$1149,2,0)</f>
        <v>#N/A</v>
      </c>
      <c r="E1260" s="16"/>
      <c r="G1260" s="14"/>
      <c r="H1260" s="3"/>
      <c r="I1260" s="3"/>
      <c r="J1260" s="3"/>
      <c r="K1260" s="3"/>
    </row>
    <row r="1261" spans="2:11" ht="18" hidden="1" customHeight="1" x14ac:dyDescent="0.4">
      <c r="B1261" s="10"/>
      <c r="C1261" s="18"/>
      <c r="D1261" s="17" t="e">
        <f>VLOOKUP(C1261,[1]分類番号!$A$4:$B$1149,2,0)</f>
        <v>#N/A</v>
      </c>
      <c r="E1261" s="16"/>
      <c r="G1261" s="14"/>
      <c r="H1261" s="3"/>
      <c r="I1261" s="3"/>
      <c r="J1261" s="3"/>
      <c r="K1261" s="3"/>
    </row>
    <row r="1262" spans="2:11" ht="18" hidden="1" customHeight="1" x14ac:dyDescent="0.4">
      <c r="B1262" s="10"/>
      <c r="C1262" s="18"/>
      <c r="D1262" s="17" t="e">
        <f>VLOOKUP(C1262,[1]分類番号!$A$4:$B$1149,2,0)</f>
        <v>#N/A</v>
      </c>
      <c r="E1262" s="16"/>
      <c r="G1262" s="14"/>
      <c r="H1262" s="3"/>
      <c r="I1262" s="3"/>
      <c r="J1262" s="3"/>
      <c r="K1262" s="3"/>
    </row>
    <row r="1263" spans="2:11" ht="18" hidden="1" customHeight="1" x14ac:dyDescent="0.4">
      <c r="B1263" s="10"/>
      <c r="C1263" s="18"/>
      <c r="D1263" s="17" t="e">
        <f>VLOOKUP(C1263,[1]分類番号!$A$4:$B$1149,2,0)</f>
        <v>#N/A</v>
      </c>
      <c r="E1263" s="16"/>
      <c r="G1263" s="14"/>
      <c r="H1263" s="3"/>
      <c r="I1263" s="3"/>
      <c r="J1263" s="3"/>
      <c r="K1263" s="3"/>
    </row>
    <row r="1264" spans="2:11" ht="18" hidden="1" customHeight="1" x14ac:dyDescent="0.4">
      <c r="B1264" s="10"/>
      <c r="C1264" s="18"/>
      <c r="D1264" s="17" t="e">
        <f>VLOOKUP(C1264,[1]分類番号!$A$4:$B$1149,2,0)</f>
        <v>#N/A</v>
      </c>
      <c r="E1264" s="16"/>
      <c r="G1264" s="14"/>
      <c r="H1264" s="3"/>
      <c r="I1264" s="3"/>
      <c r="J1264" s="3"/>
      <c r="K1264" s="3"/>
    </row>
    <row r="1265" spans="2:11" ht="18" hidden="1" customHeight="1" x14ac:dyDescent="0.4">
      <c r="B1265" s="10"/>
      <c r="C1265" s="18"/>
      <c r="D1265" s="17" t="e">
        <f>VLOOKUP(C1265,[1]分類番号!$A$4:$B$1149,2,0)</f>
        <v>#N/A</v>
      </c>
      <c r="E1265" s="16"/>
      <c r="G1265" s="14"/>
      <c r="H1265" s="3"/>
      <c r="I1265" s="3"/>
      <c r="J1265" s="3"/>
      <c r="K1265" s="3"/>
    </row>
    <row r="1266" spans="2:11" ht="18" hidden="1" customHeight="1" x14ac:dyDescent="0.4">
      <c r="B1266" s="10"/>
      <c r="C1266" s="18"/>
      <c r="D1266" s="17" t="e">
        <f>VLOOKUP(C1266,[1]分類番号!$A$4:$B$1149,2,0)</f>
        <v>#N/A</v>
      </c>
      <c r="E1266" s="16"/>
      <c r="G1266" s="14"/>
      <c r="H1266" s="3"/>
      <c r="I1266" s="3"/>
      <c r="J1266" s="3"/>
      <c r="K1266" s="3"/>
    </row>
    <row r="1267" spans="2:11" ht="18" hidden="1" customHeight="1" x14ac:dyDescent="0.4">
      <c r="B1267" s="10"/>
      <c r="C1267" s="18"/>
      <c r="D1267" s="17" t="e">
        <f>VLOOKUP(C1267,[1]分類番号!$A$4:$B$1149,2,0)</f>
        <v>#N/A</v>
      </c>
      <c r="E1267" s="16"/>
      <c r="G1267" s="14"/>
      <c r="H1267" s="3"/>
      <c r="I1267" s="3"/>
      <c r="J1267" s="3"/>
      <c r="K1267" s="3"/>
    </row>
    <row r="1268" spans="2:11" ht="18" hidden="1" customHeight="1" x14ac:dyDescent="0.4">
      <c r="B1268" s="10"/>
      <c r="C1268" s="18"/>
      <c r="D1268" s="17" t="e">
        <f>VLOOKUP(C1268,[1]分類番号!$A$4:$B$1149,2,0)</f>
        <v>#N/A</v>
      </c>
      <c r="E1268" s="16"/>
      <c r="G1268" s="14"/>
      <c r="H1268" s="3"/>
      <c r="I1268" s="3"/>
      <c r="J1268" s="3"/>
      <c r="K1268" s="3"/>
    </row>
    <row r="1269" spans="2:11" ht="18" hidden="1" customHeight="1" x14ac:dyDescent="0.4">
      <c r="B1269" s="10"/>
      <c r="C1269" s="18"/>
      <c r="D1269" s="17" t="e">
        <f>VLOOKUP(C1269,[1]分類番号!$A$4:$B$1149,2,0)</f>
        <v>#N/A</v>
      </c>
      <c r="E1269" s="16"/>
      <c r="G1269" s="14"/>
      <c r="H1269" s="3"/>
      <c r="I1269" s="3"/>
      <c r="J1269" s="3"/>
      <c r="K1269" s="3"/>
    </row>
    <row r="1270" spans="2:11" ht="18" hidden="1" customHeight="1" x14ac:dyDescent="0.4">
      <c r="B1270" s="10"/>
      <c r="C1270" s="18"/>
      <c r="D1270" s="17" t="e">
        <f>VLOOKUP(C1270,[1]分類番号!$A$4:$B$1149,2,0)</f>
        <v>#N/A</v>
      </c>
      <c r="E1270" s="16"/>
      <c r="G1270" s="14"/>
      <c r="H1270" s="3"/>
      <c r="I1270" s="3"/>
      <c r="J1270" s="3"/>
      <c r="K1270" s="3"/>
    </row>
    <row r="1271" spans="2:11" ht="18" hidden="1" customHeight="1" x14ac:dyDescent="0.4">
      <c r="B1271" s="10"/>
      <c r="C1271" s="18"/>
      <c r="D1271" s="17" t="e">
        <f>VLOOKUP(C1271,[1]分類番号!$A$4:$B$1149,2,0)</f>
        <v>#N/A</v>
      </c>
      <c r="E1271" s="16"/>
      <c r="G1271" s="14"/>
      <c r="H1271" s="3"/>
      <c r="I1271" s="3"/>
      <c r="J1271" s="3"/>
      <c r="K1271" s="3"/>
    </row>
    <row r="1272" spans="2:11" ht="18" hidden="1" customHeight="1" x14ac:dyDescent="0.4">
      <c r="B1272" s="10"/>
      <c r="C1272" s="18"/>
      <c r="D1272" s="17" t="e">
        <f>VLOOKUP(C1272,[1]分類番号!$A$4:$B$1149,2,0)</f>
        <v>#N/A</v>
      </c>
      <c r="E1272" s="16"/>
      <c r="G1272" s="14"/>
      <c r="H1272" s="3"/>
      <c r="I1272" s="3"/>
      <c r="J1272" s="3"/>
      <c r="K1272" s="3"/>
    </row>
    <row r="1273" spans="2:11" ht="18" hidden="1" customHeight="1" x14ac:dyDescent="0.4">
      <c r="B1273" s="10"/>
      <c r="C1273" s="18"/>
      <c r="D1273" s="17" t="e">
        <f>VLOOKUP(C1273,[1]分類番号!$A$4:$B$1149,2,0)</f>
        <v>#N/A</v>
      </c>
      <c r="E1273" s="16"/>
      <c r="G1273" s="14"/>
      <c r="H1273" s="3"/>
      <c r="I1273" s="3"/>
      <c r="J1273" s="3"/>
      <c r="K1273" s="3"/>
    </row>
    <row r="1274" spans="2:11" ht="18" hidden="1" customHeight="1" x14ac:dyDescent="0.4">
      <c r="B1274" s="10"/>
      <c r="C1274" s="18"/>
      <c r="D1274" s="17" t="e">
        <f>VLOOKUP(C1274,[1]分類番号!$A$4:$B$1149,2,0)</f>
        <v>#N/A</v>
      </c>
      <c r="E1274" s="16"/>
      <c r="G1274" s="14"/>
      <c r="H1274" s="3"/>
      <c r="I1274" s="3"/>
      <c r="J1274" s="3"/>
      <c r="K1274" s="3"/>
    </row>
    <row r="1275" spans="2:11" ht="18" hidden="1" customHeight="1" x14ac:dyDescent="0.4">
      <c r="B1275" s="10"/>
      <c r="C1275" s="18"/>
      <c r="D1275" s="17" t="e">
        <f>VLOOKUP(C1275,[1]分類番号!$A$4:$B$1149,2,0)</f>
        <v>#N/A</v>
      </c>
      <c r="E1275" s="16"/>
      <c r="G1275" s="14"/>
      <c r="H1275" s="3"/>
      <c r="I1275" s="3"/>
      <c r="J1275" s="3"/>
      <c r="K1275" s="3"/>
    </row>
    <row r="1276" spans="2:11" ht="18" hidden="1" customHeight="1" x14ac:dyDescent="0.4">
      <c r="B1276" s="10"/>
      <c r="C1276" s="18"/>
      <c r="D1276" s="17" t="e">
        <f>VLOOKUP(C1276,[1]分類番号!$A$4:$B$1149,2,0)</f>
        <v>#N/A</v>
      </c>
      <c r="E1276" s="16"/>
      <c r="G1276" s="14"/>
      <c r="H1276" s="3"/>
      <c r="I1276" s="3"/>
      <c r="J1276" s="3"/>
      <c r="K1276" s="3"/>
    </row>
    <row r="1277" spans="2:11" ht="18" hidden="1" customHeight="1" x14ac:dyDescent="0.4">
      <c r="B1277" s="10"/>
      <c r="C1277" s="18"/>
      <c r="D1277" s="17" t="e">
        <f>VLOOKUP(C1277,[1]分類番号!$A$4:$B$1149,2,0)</f>
        <v>#N/A</v>
      </c>
      <c r="E1277" s="16"/>
      <c r="G1277" s="14"/>
      <c r="H1277" s="3"/>
      <c r="I1277" s="3"/>
      <c r="J1277" s="3"/>
      <c r="K1277" s="3"/>
    </row>
    <row r="1278" spans="2:11" ht="18" hidden="1" customHeight="1" x14ac:dyDescent="0.4">
      <c r="B1278" s="10"/>
      <c r="C1278" s="18"/>
      <c r="D1278" s="17" t="e">
        <f>VLOOKUP(C1278,[1]分類番号!$A$4:$B$1149,2,0)</f>
        <v>#N/A</v>
      </c>
      <c r="E1278" s="16"/>
      <c r="G1278" s="14"/>
      <c r="H1278" s="3"/>
      <c r="I1278" s="3"/>
      <c r="J1278" s="3"/>
      <c r="K1278" s="3"/>
    </row>
    <row r="1279" spans="2:11" ht="18" hidden="1" customHeight="1" x14ac:dyDescent="0.4">
      <c r="B1279" s="10"/>
      <c r="C1279" s="18"/>
      <c r="D1279" s="17" t="e">
        <f>VLOOKUP(C1279,[1]分類番号!$A$4:$B$1149,2,0)</f>
        <v>#N/A</v>
      </c>
      <c r="E1279" s="16"/>
      <c r="G1279" s="14"/>
      <c r="H1279" s="3"/>
      <c r="I1279" s="3"/>
      <c r="J1279" s="3"/>
      <c r="K1279" s="3"/>
    </row>
    <row r="1280" spans="2:11" ht="18" hidden="1" customHeight="1" x14ac:dyDescent="0.4">
      <c r="B1280" s="10"/>
      <c r="C1280" s="18"/>
      <c r="D1280" s="17" t="e">
        <f>VLOOKUP(C1280,[1]分類番号!$A$4:$B$1149,2,0)</f>
        <v>#N/A</v>
      </c>
      <c r="E1280" s="16"/>
      <c r="G1280" s="14"/>
      <c r="H1280" s="3"/>
      <c r="I1280" s="3"/>
      <c r="J1280" s="3"/>
      <c r="K1280" s="3"/>
    </row>
    <row r="1281" spans="2:11" ht="18" hidden="1" customHeight="1" x14ac:dyDescent="0.4">
      <c r="B1281" s="10"/>
      <c r="C1281" s="18"/>
      <c r="D1281" s="17" t="e">
        <f>VLOOKUP(C1281,[1]分類番号!$A$4:$B$1149,2,0)</f>
        <v>#N/A</v>
      </c>
      <c r="E1281" s="16"/>
      <c r="G1281" s="14"/>
      <c r="H1281" s="3"/>
      <c r="I1281" s="3"/>
      <c r="J1281" s="3"/>
      <c r="K1281" s="3"/>
    </row>
    <row r="1282" spans="2:11" ht="18" hidden="1" customHeight="1" x14ac:dyDescent="0.4">
      <c r="B1282" s="10"/>
      <c r="C1282" s="18"/>
      <c r="D1282" s="17" t="e">
        <f>VLOOKUP(C1282,[1]分類番号!$A$4:$B$1149,2,0)</f>
        <v>#N/A</v>
      </c>
      <c r="E1282" s="16"/>
      <c r="G1282" s="14"/>
      <c r="H1282" s="3"/>
      <c r="I1282" s="3"/>
      <c r="J1282" s="3"/>
      <c r="K1282" s="3"/>
    </row>
    <row r="1283" spans="2:11" ht="18" hidden="1" customHeight="1" x14ac:dyDescent="0.4">
      <c r="B1283" s="10"/>
      <c r="C1283" s="18"/>
      <c r="D1283" s="17" t="e">
        <f>VLOOKUP(C1283,[1]分類番号!$A$4:$B$1149,2,0)</f>
        <v>#N/A</v>
      </c>
      <c r="E1283" s="16"/>
      <c r="G1283" s="14"/>
      <c r="H1283" s="3"/>
      <c r="I1283" s="3"/>
      <c r="J1283" s="3"/>
      <c r="K1283" s="3"/>
    </row>
    <row r="1284" spans="2:11" ht="18" hidden="1" customHeight="1" x14ac:dyDescent="0.4">
      <c r="B1284" s="10"/>
      <c r="C1284" s="18"/>
      <c r="D1284" s="17" t="e">
        <f>VLOOKUP(C1284,[1]分類番号!$A$4:$B$1149,2,0)</f>
        <v>#N/A</v>
      </c>
      <c r="E1284" s="16"/>
      <c r="G1284" s="14"/>
      <c r="H1284" s="3"/>
      <c r="I1284" s="3"/>
      <c r="J1284" s="3"/>
      <c r="K1284" s="3"/>
    </row>
    <row r="1285" spans="2:11" ht="18" hidden="1" customHeight="1" x14ac:dyDescent="0.4">
      <c r="B1285" s="10"/>
      <c r="C1285" s="18"/>
      <c r="D1285" s="17" t="e">
        <f>VLOOKUP(C1285,[1]分類番号!$A$4:$B$1149,2,0)</f>
        <v>#N/A</v>
      </c>
      <c r="E1285" s="16"/>
      <c r="G1285" s="14"/>
      <c r="H1285" s="3"/>
      <c r="I1285" s="3"/>
      <c r="J1285" s="3"/>
      <c r="K1285" s="3"/>
    </row>
    <row r="1286" spans="2:11" ht="18" hidden="1" customHeight="1" x14ac:dyDescent="0.4">
      <c r="B1286" s="10"/>
      <c r="C1286" s="18"/>
      <c r="D1286" s="17" t="e">
        <f>VLOOKUP(C1286,[1]分類番号!$A$4:$B$1149,2,0)</f>
        <v>#N/A</v>
      </c>
      <c r="E1286" s="16"/>
      <c r="G1286" s="14"/>
      <c r="H1286" s="3"/>
      <c r="I1286" s="3"/>
      <c r="J1286" s="3"/>
      <c r="K1286" s="3"/>
    </row>
    <row r="1287" spans="2:11" ht="18" hidden="1" customHeight="1" x14ac:dyDescent="0.4">
      <c r="B1287" s="10"/>
      <c r="C1287" s="18"/>
      <c r="D1287" s="17" t="e">
        <f>VLOOKUP(C1287,[1]分類番号!$A$4:$B$1149,2,0)</f>
        <v>#N/A</v>
      </c>
      <c r="E1287" s="16"/>
      <c r="G1287" s="14"/>
      <c r="H1287" s="3"/>
      <c r="I1287" s="3"/>
      <c r="J1287" s="3"/>
      <c r="K1287" s="3"/>
    </row>
    <row r="1288" spans="2:11" ht="18" hidden="1" customHeight="1" x14ac:dyDescent="0.4">
      <c r="B1288" s="10"/>
      <c r="C1288" s="18"/>
      <c r="D1288" s="17" t="e">
        <f>VLOOKUP(C1288,[1]分類番号!$A$4:$B$1149,2,0)</f>
        <v>#N/A</v>
      </c>
      <c r="E1288" s="16"/>
      <c r="G1288" s="14"/>
      <c r="H1288" s="3"/>
      <c r="I1288" s="3"/>
      <c r="J1288" s="3"/>
      <c r="K1288" s="3"/>
    </row>
    <row r="1289" spans="2:11" ht="18" hidden="1" customHeight="1" x14ac:dyDescent="0.4">
      <c r="B1289" s="10"/>
      <c r="C1289" s="18"/>
      <c r="D1289" s="17" t="e">
        <f>VLOOKUP(C1289,[1]分類番号!$A$4:$B$1149,2,0)</f>
        <v>#N/A</v>
      </c>
      <c r="E1289" s="16"/>
      <c r="G1289" s="14"/>
      <c r="H1289" s="3"/>
      <c r="I1289" s="3"/>
      <c r="J1289" s="3"/>
      <c r="K1289" s="3"/>
    </row>
    <row r="1290" spans="2:11" ht="18" hidden="1" customHeight="1" x14ac:dyDescent="0.4">
      <c r="B1290" s="10"/>
      <c r="C1290" s="18"/>
      <c r="D1290" s="17" t="e">
        <f>VLOOKUP(C1290,[1]分類番号!$A$4:$B$1149,2,0)</f>
        <v>#N/A</v>
      </c>
      <c r="E1290" s="16"/>
      <c r="G1290" s="14"/>
      <c r="H1290" s="3"/>
      <c r="I1290" s="3"/>
      <c r="J1290" s="3"/>
      <c r="K1290" s="3"/>
    </row>
    <row r="1291" spans="2:11" ht="18" hidden="1" customHeight="1" x14ac:dyDescent="0.4">
      <c r="B1291" s="10"/>
      <c r="C1291" s="18"/>
      <c r="D1291" s="17" t="e">
        <f>VLOOKUP(C1291,[1]分類番号!$A$4:$B$1149,2,0)</f>
        <v>#N/A</v>
      </c>
      <c r="E1291" s="16"/>
      <c r="G1291" s="14"/>
      <c r="H1291" s="3"/>
      <c r="I1291" s="3"/>
      <c r="J1291" s="3"/>
      <c r="K1291" s="3"/>
    </row>
    <row r="1292" spans="2:11" ht="18" hidden="1" customHeight="1" x14ac:dyDescent="0.4">
      <c r="B1292" s="10"/>
      <c r="C1292" s="18"/>
      <c r="D1292" s="17" t="e">
        <f>VLOOKUP(C1292,[1]分類番号!$A$4:$B$1149,2,0)</f>
        <v>#N/A</v>
      </c>
      <c r="E1292" s="16"/>
      <c r="G1292" s="14"/>
      <c r="H1292" s="3"/>
      <c r="I1292" s="3"/>
      <c r="J1292" s="3"/>
      <c r="K1292" s="3"/>
    </row>
    <row r="1293" spans="2:11" ht="18" hidden="1" customHeight="1" x14ac:dyDescent="0.4">
      <c r="B1293" s="10"/>
      <c r="C1293" s="18"/>
      <c r="D1293" s="17" t="e">
        <f>VLOOKUP(C1293,[1]分類番号!$A$4:$B$1149,2,0)</f>
        <v>#N/A</v>
      </c>
      <c r="E1293" s="16"/>
      <c r="G1293" s="14"/>
      <c r="H1293" s="3"/>
      <c r="I1293" s="3"/>
      <c r="J1293" s="3"/>
      <c r="K1293" s="3"/>
    </row>
    <row r="1294" spans="2:11" ht="18" hidden="1" customHeight="1" x14ac:dyDescent="0.4">
      <c r="B1294" s="10"/>
      <c r="C1294" s="18"/>
      <c r="D1294" s="17" t="e">
        <f>VLOOKUP(C1294,[1]分類番号!$A$4:$B$1149,2,0)</f>
        <v>#N/A</v>
      </c>
      <c r="E1294" s="16"/>
      <c r="G1294" s="14"/>
      <c r="H1294" s="3"/>
      <c r="I1294" s="3"/>
      <c r="J1294" s="3"/>
      <c r="K1294" s="3"/>
    </row>
    <row r="1295" spans="2:11" ht="18" hidden="1" customHeight="1" x14ac:dyDescent="0.4">
      <c r="B1295" s="10"/>
      <c r="C1295" s="18"/>
      <c r="D1295" s="17" t="e">
        <f>VLOOKUP(C1295,[1]分類番号!$A$4:$B$1149,2,0)</f>
        <v>#N/A</v>
      </c>
      <c r="E1295" s="16"/>
      <c r="G1295" s="14"/>
      <c r="H1295" s="3"/>
      <c r="I1295" s="3"/>
      <c r="J1295" s="3"/>
      <c r="K1295" s="3"/>
    </row>
    <row r="1296" spans="2:11" ht="18" hidden="1" customHeight="1" x14ac:dyDescent="0.4">
      <c r="B1296" s="10"/>
      <c r="C1296" s="18"/>
      <c r="D1296" s="17" t="e">
        <f>VLOOKUP(C1296,[1]分類番号!$A$4:$B$1149,2,0)</f>
        <v>#N/A</v>
      </c>
      <c r="E1296" s="16"/>
      <c r="G1296" s="14"/>
      <c r="H1296" s="3"/>
      <c r="I1296" s="3"/>
      <c r="J1296" s="3"/>
      <c r="K1296" s="3"/>
    </row>
    <row r="1297" spans="2:11" ht="18" hidden="1" customHeight="1" x14ac:dyDescent="0.4">
      <c r="B1297" s="10"/>
      <c r="C1297" s="18"/>
      <c r="D1297" s="17" t="e">
        <f>VLOOKUP(C1297,[1]分類番号!$A$4:$B$1149,2,0)</f>
        <v>#N/A</v>
      </c>
      <c r="E1297" s="16"/>
      <c r="G1297" s="14"/>
      <c r="H1297" s="3"/>
      <c r="I1297" s="3"/>
      <c r="J1297" s="3"/>
      <c r="K1297" s="3"/>
    </row>
    <row r="1298" spans="2:11" ht="18" hidden="1" customHeight="1" x14ac:dyDescent="0.4">
      <c r="B1298" s="10"/>
      <c r="C1298" s="18"/>
      <c r="D1298" s="17" t="e">
        <f>VLOOKUP(C1298,[1]分類番号!$A$4:$B$1149,2,0)</f>
        <v>#N/A</v>
      </c>
      <c r="E1298" s="16"/>
      <c r="G1298" s="14"/>
      <c r="H1298" s="3"/>
      <c r="I1298" s="3"/>
      <c r="J1298" s="3"/>
      <c r="K1298" s="3"/>
    </row>
    <row r="1299" spans="2:11" ht="18" hidden="1" customHeight="1" x14ac:dyDescent="0.4">
      <c r="B1299" s="10"/>
      <c r="C1299" s="18"/>
      <c r="D1299" s="17" t="e">
        <f>VLOOKUP(C1299,[1]分類番号!$A$4:$B$1149,2,0)</f>
        <v>#N/A</v>
      </c>
      <c r="E1299" s="16"/>
      <c r="G1299" s="14"/>
      <c r="H1299" s="3"/>
      <c r="I1299" s="3"/>
      <c r="J1299" s="3"/>
      <c r="K1299" s="3"/>
    </row>
    <row r="1300" spans="2:11" ht="18" hidden="1" customHeight="1" x14ac:dyDescent="0.4">
      <c r="B1300" s="10"/>
      <c r="C1300" s="18"/>
      <c r="D1300" s="17" t="e">
        <f>VLOOKUP(C1300,[1]分類番号!$A$4:$B$1149,2,0)</f>
        <v>#N/A</v>
      </c>
      <c r="E1300" s="16"/>
      <c r="G1300" s="14"/>
      <c r="H1300" s="3"/>
      <c r="I1300" s="3"/>
      <c r="J1300" s="3"/>
      <c r="K1300" s="3"/>
    </row>
    <row r="1301" spans="2:11" ht="18" hidden="1" customHeight="1" x14ac:dyDescent="0.4">
      <c r="B1301" s="10"/>
      <c r="C1301" s="18"/>
      <c r="D1301" s="17" t="e">
        <f>VLOOKUP(C1301,[1]分類番号!$A$4:$B$1149,2,0)</f>
        <v>#N/A</v>
      </c>
      <c r="E1301" s="16"/>
      <c r="G1301" s="14"/>
      <c r="H1301" s="3"/>
      <c r="I1301" s="3"/>
      <c r="J1301" s="3"/>
      <c r="K1301" s="3"/>
    </row>
    <row r="1302" spans="2:11" ht="18" hidden="1" customHeight="1" x14ac:dyDescent="0.4">
      <c r="B1302" s="10"/>
      <c r="C1302" s="18"/>
      <c r="D1302" s="17" t="e">
        <f>VLOOKUP(C1302,[1]分類番号!$A$4:$B$1149,2,0)</f>
        <v>#N/A</v>
      </c>
      <c r="E1302" s="16"/>
      <c r="G1302" s="14"/>
      <c r="H1302" s="3"/>
      <c r="I1302" s="3"/>
      <c r="J1302" s="3"/>
      <c r="K1302" s="3"/>
    </row>
    <row r="1303" spans="2:11" ht="18" hidden="1" customHeight="1" x14ac:dyDescent="0.4">
      <c r="B1303" s="10"/>
      <c r="C1303" s="18"/>
      <c r="D1303" s="17" t="e">
        <f>VLOOKUP(C1303,[1]分類番号!$A$4:$B$1149,2,0)</f>
        <v>#N/A</v>
      </c>
      <c r="E1303" s="16"/>
      <c r="G1303" s="14"/>
      <c r="H1303" s="3"/>
      <c r="I1303" s="3"/>
      <c r="J1303" s="3"/>
      <c r="K1303" s="3"/>
    </row>
    <row r="1304" spans="2:11" ht="18" hidden="1" customHeight="1" x14ac:dyDescent="0.4">
      <c r="B1304" s="10"/>
      <c r="C1304" s="18"/>
      <c r="D1304" s="17" t="e">
        <f>VLOOKUP(C1304,[1]分類番号!$A$4:$B$1149,2,0)</f>
        <v>#N/A</v>
      </c>
      <c r="E1304" s="16"/>
      <c r="G1304" s="14"/>
      <c r="H1304" s="3"/>
      <c r="I1304" s="3"/>
      <c r="J1304" s="3"/>
      <c r="K1304" s="3"/>
    </row>
    <row r="1305" spans="2:11" ht="18" hidden="1" customHeight="1" x14ac:dyDescent="0.4">
      <c r="B1305" s="10"/>
      <c r="C1305" s="18"/>
      <c r="D1305" s="17" t="e">
        <f>VLOOKUP(C1305,[1]分類番号!$A$4:$B$1149,2,0)</f>
        <v>#N/A</v>
      </c>
      <c r="E1305" s="16"/>
      <c r="G1305" s="14"/>
      <c r="H1305" s="3"/>
      <c r="I1305" s="3"/>
      <c r="J1305" s="3"/>
      <c r="K1305" s="3"/>
    </row>
    <row r="1306" spans="2:11" ht="18" hidden="1" customHeight="1" x14ac:dyDescent="0.4">
      <c r="B1306" s="10"/>
      <c r="C1306" s="18"/>
      <c r="D1306" s="17" t="e">
        <f>VLOOKUP(C1306,[1]分類番号!$A$4:$B$1149,2,0)</f>
        <v>#N/A</v>
      </c>
      <c r="E1306" s="16"/>
      <c r="G1306" s="14"/>
      <c r="H1306" s="3"/>
      <c r="I1306" s="3"/>
      <c r="J1306" s="3"/>
      <c r="K1306" s="3"/>
    </row>
    <row r="1307" spans="2:11" ht="18" hidden="1" customHeight="1" x14ac:dyDescent="0.4">
      <c r="B1307" s="10"/>
      <c r="C1307" s="18"/>
      <c r="D1307" s="17" t="e">
        <f>VLOOKUP(C1307,[1]分類番号!$A$4:$B$1149,2,0)</f>
        <v>#N/A</v>
      </c>
      <c r="E1307" s="16"/>
      <c r="G1307" s="14"/>
      <c r="H1307" s="3"/>
      <c r="I1307" s="3"/>
      <c r="J1307" s="3"/>
      <c r="K1307" s="3"/>
    </row>
    <row r="1308" spans="2:11" ht="18" hidden="1" customHeight="1" x14ac:dyDescent="0.4">
      <c r="B1308" s="10"/>
      <c r="C1308" s="18"/>
      <c r="D1308" s="17" t="e">
        <f>VLOOKUP(C1308,[1]分類番号!$A$4:$B$1149,2,0)</f>
        <v>#N/A</v>
      </c>
      <c r="E1308" s="16"/>
      <c r="G1308" s="14"/>
      <c r="H1308" s="3"/>
      <c r="I1308" s="3"/>
      <c r="J1308" s="3"/>
      <c r="K1308" s="3"/>
    </row>
    <row r="1309" spans="2:11" ht="18" hidden="1" customHeight="1" x14ac:dyDescent="0.4">
      <c r="B1309" s="10"/>
      <c r="C1309" s="18"/>
      <c r="D1309" s="17" t="e">
        <f>VLOOKUP(C1309,[1]分類番号!$A$4:$B$1149,2,0)</f>
        <v>#N/A</v>
      </c>
      <c r="E1309" s="16"/>
      <c r="G1309" s="14"/>
      <c r="H1309" s="3"/>
      <c r="I1309" s="3"/>
      <c r="J1309" s="3"/>
      <c r="K1309" s="3"/>
    </row>
    <row r="1310" spans="2:11" ht="18" hidden="1" customHeight="1" x14ac:dyDescent="0.4">
      <c r="B1310" s="10"/>
      <c r="C1310" s="18"/>
      <c r="D1310" s="17" t="e">
        <f>VLOOKUP(C1310,[1]分類番号!$A$4:$B$1149,2,0)</f>
        <v>#N/A</v>
      </c>
      <c r="E1310" s="16"/>
      <c r="G1310" s="14"/>
      <c r="H1310" s="3"/>
      <c r="I1310" s="3"/>
      <c r="J1310" s="3"/>
      <c r="K1310" s="3"/>
    </row>
    <row r="1311" spans="2:11" ht="18" hidden="1" customHeight="1" x14ac:dyDescent="0.4">
      <c r="B1311" s="10"/>
      <c r="C1311" s="18"/>
      <c r="D1311" s="17" t="e">
        <f>VLOOKUP(C1311,[1]分類番号!$A$4:$B$1149,2,0)</f>
        <v>#N/A</v>
      </c>
      <c r="E1311" s="16"/>
      <c r="G1311" s="14"/>
      <c r="H1311" s="3"/>
      <c r="I1311" s="3"/>
      <c r="J1311" s="3"/>
      <c r="K1311" s="3"/>
    </row>
    <row r="1312" spans="2:11" ht="18" hidden="1" customHeight="1" x14ac:dyDescent="0.4">
      <c r="B1312" s="10"/>
      <c r="C1312" s="18"/>
      <c r="D1312" s="17" t="e">
        <f>VLOOKUP(C1312,[1]分類番号!$A$4:$B$1149,2,0)</f>
        <v>#N/A</v>
      </c>
      <c r="E1312" s="16"/>
      <c r="G1312" s="14"/>
      <c r="H1312" s="3"/>
      <c r="I1312" s="3"/>
      <c r="J1312" s="3"/>
      <c r="K1312" s="3"/>
    </row>
    <row r="1313" spans="2:11" ht="18" hidden="1" customHeight="1" x14ac:dyDescent="0.4">
      <c r="B1313" s="10"/>
      <c r="C1313" s="18"/>
      <c r="D1313" s="17" t="e">
        <f>VLOOKUP(C1313,[1]分類番号!$A$4:$B$1149,2,0)</f>
        <v>#N/A</v>
      </c>
      <c r="E1313" s="16"/>
      <c r="G1313" s="14"/>
      <c r="H1313" s="3"/>
      <c r="I1313" s="3"/>
      <c r="J1313" s="3"/>
      <c r="K1313" s="3"/>
    </row>
    <row r="1314" spans="2:11" ht="18" hidden="1" customHeight="1" x14ac:dyDescent="0.4">
      <c r="B1314" s="10"/>
      <c r="C1314" s="18"/>
      <c r="D1314" s="17" t="e">
        <f>VLOOKUP(C1314,[1]分類番号!$A$4:$B$1149,2,0)</f>
        <v>#N/A</v>
      </c>
      <c r="E1314" s="16"/>
      <c r="G1314" s="14"/>
      <c r="H1314" s="3"/>
      <c r="I1314" s="3"/>
      <c r="J1314" s="3"/>
      <c r="K1314" s="3"/>
    </row>
    <row r="1315" spans="2:11" ht="18" hidden="1" customHeight="1" x14ac:dyDescent="0.4">
      <c r="B1315" s="10"/>
      <c r="C1315" s="18"/>
      <c r="D1315" s="17" t="e">
        <f>VLOOKUP(C1315,[1]分類番号!$A$4:$B$1149,2,0)</f>
        <v>#N/A</v>
      </c>
      <c r="E1315" s="16"/>
      <c r="G1315" s="14"/>
      <c r="H1315" s="3"/>
      <c r="I1315" s="3"/>
      <c r="J1315" s="3"/>
      <c r="K1315" s="3"/>
    </row>
    <row r="1316" spans="2:11" ht="18" hidden="1" customHeight="1" x14ac:dyDescent="0.4">
      <c r="B1316" s="10"/>
      <c r="C1316" s="18"/>
      <c r="D1316" s="17" t="e">
        <f>VLOOKUP(C1316,[1]分類番号!$A$4:$B$1149,2,0)</f>
        <v>#N/A</v>
      </c>
      <c r="E1316" s="16"/>
      <c r="G1316" s="14"/>
      <c r="H1316" s="3"/>
      <c r="I1316" s="3"/>
      <c r="J1316" s="3"/>
      <c r="K1316" s="3"/>
    </row>
    <row r="1317" spans="2:11" ht="18" hidden="1" customHeight="1" x14ac:dyDescent="0.4">
      <c r="B1317" s="10"/>
      <c r="C1317" s="18"/>
      <c r="D1317" s="17" t="e">
        <f>VLOOKUP(C1317,[1]分類番号!$A$4:$B$1149,2,0)</f>
        <v>#N/A</v>
      </c>
      <c r="E1317" s="16"/>
      <c r="G1317" s="14"/>
      <c r="H1317" s="3"/>
      <c r="I1317" s="3"/>
      <c r="J1317" s="3"/>
      <c r="K1317" s="3"/>
    </row>
    <row r="1318" spans="2:11" ht="18" hidden="1" customHeight="1" x14ac:dyDescent="0.4">
      <c r="B1318" s="10"/>
      <c r="C1318" s="18"/>
      <c r="D1318" s="17" t="e">
        <f>VLOOKUP(C1318,[1]分類番号!$A$4:$B$1149,2,0)</f>
        <v>#N/A</v>
      </c>
      <c r="E1318" s="16"/>
      <c r="G1318" s="14"/>
      <c r="H1318" s="3"/>
      <c r="I1318" s="3"/>
      <c r="J1318" s="3"/>
      <c r="K1318" s="3"/>
    </row>
    <row r="1319" spans="2:11" ht="18" hidden="1" customHeight="1" x14ac:dyDescent="0.4">
      <c r="B1319" s="10"/>
      <c r="C1319" s="18"/>
      <c r="D1319" s="17" t="e">
        <f>VLOOKUP(C1319,[1]分類番号!$A$4:$B$1149,2,0)</f>
        <v>#N/A</v>
      </c>
      <c r="E1319" s="16"/>
      <c r="G1319" s="14"/>
      <c r="H1319" s="3"/>
      <c r="I1319" s="3"/>
      <c r="J1319" s="3"/>
      <c r="K1319" s="3"/>
    </row>
    <row r="1320" spans="2:11" ht="18" hidden="1" customHeight="1" x14ac:dyDescent="0.4">
      <c r="B1320" s="10"/>
      <c r="C1320" s="18"/>
      <c r="D1320" s="17" t="e">
        <f>VLOOKUP(C1320,[1]分類番号!$A$4:$B$1149,2,0)</f>
        <v>#N/A</v>
      </c>
      <c r="E1320" s="16"/>
      <c r="G1320" s="14"/>
      <c r="H1320" s="3"/>
      <c r="I1320" s="3"/>
      <c r="J1320" s="3"/>
      <c r="K1320" s="3"/>
    </row>
    <row r="1321" spans="2:11" ht="18" hidden="1" customHeight="1" x14ac:dyDescent="0.4">
      <c r="B1321" s="10"/>
      <c r="C1321" s="18"/>
      <c r="D1321" s="17" t="e">
        <f>VLOOKUP(C1321,[1]分類番号!$A$4:$B$1149,2,0)</f>
        <v>#N/A</v>
      </c>
      <c r="E1321" s="16"/>
      <c r="G1321" s="14"/>
      <c r="H1321" s="3"/>
      <c r="I1321" s="3"/>
      <c r="J1321" s="3"/>
      <c r="K1321" s="3"/>
    </row>
    <row r="1322" spans="2:11" ht="18" hidden="1" customHeight="1" x14ac:dyDescent="0.4">
      <c r="B1322" s="10"/>
      <c r="C1322" s="18"/>
      <c r="D1322" s="17" t="e">
        <f>VLOOKUP(C1322,[1]分類番号!$A$4:$B$1149,2,0)</f>
        <v>#N/A</v>
      </c>
      <c r="E1322" s="16"/>
      <c r="G1322" s="14"/>
      <c r="H1322" s="3"/>
      <c r="I1322" s="3"/>
      <c r="J1322" s="3"/>
      <c r="K1322" s="3"/>
    </row>
    <row r="1323" spans="2:11" ht="18" hidden="1" customHeight="1" x14ac:dyDescent="0.4">
      <c r="B1323" s="10"/>
      <c r="C1323" s="18"/>
      <c r="D1323" s="17" t="e">
        <f>VLOOKUP(C1323,[1]分類番号!$A$4:$B$1149,2,0)</f>
        <v>#N/A</v>
      </c>
      <c r="E1323" s="16"/>
      <c r="G1323" s="14"/>
      <c r="H1323" s="3"/>
      <c r="I1323" s="3"/>
      <c r="J1323" s="3"/>
      <c r="K1323" s="3"/>
    </row>
    <row r="1324" spans="2:11" ht="18" hidden="1" customHeight="1" x14ac:dyDescent="0.4">
      <c r="B1324" s="10"/>
      <c r="C1324" s="18"/>
      <c r="D1324" s="17" t="e">
        <f>VLOOKUP(C1324,[1]分類番号!$A$4:$B$1149,2,0)</f>
        <v>#N/A</v>
      </c>
      <c r="E1324" s="16"/>
      <c r="G1324" s="14"/>
      <c r="H1324" s="3"/>
      <c r="I1324" s="3"/>
      <c r="J1324" s="3"/>
      <c r="K1324" s="3"/>
    </row>
    <row r="1325" spans="2:11" ht="18" hidden="1" customHeight="1" x14ac:dyDescent="0.4">
      <c r="B1325" s="10"/>
      <c r="C1325" s="18"/>
      <c r="D1325" s="17" t="e">
        <f>VLOOKUP(C1325,[1]分類番号!$A$4:$B$1149,2,0)</f>
        <v>#N/A</v>
      </c>
      <c r="E1325" s="16"/>
      <c r="G1325" s="14"/>
      <c r="H1325" s="3"/>
      <c r="I1325" s="3"/>
      <c r="J1325" s="3"/>
      <c r="K1325" s="3"/>
    </row>
    <row r="1326" spans="2:11" ht="18" hidden="1" customHeight="1" x14ac:dyDescent="0.4">
      <c r="B1326" s="10"/>
      <c r="C1326" s="18"/>
      <c r="D1326" s="17" t="e">
        <f>VLOOKUP(C1326,[1]分類番号!$A$4:$B$1149,2,0)</f>
        <v>#N/A</v>
      </c>
      <c r="E1326" s="16"/>
      <c r="G1326" s="14"/>
      <c r="H1326" s="3"/>
      <c r="I1326" s="3"/>
      <c r="J1326" s="3"/>
      <c r="K1326" s="3"/>
    </row>
    <row r="1327" spans="2:11" ht="18" hidden="1" customHeight="1" x14ac:dyDescent="0.4">
      <c r="B1327" s="10"/>
      <c r="C1327" s="18"/>
      <c r="D1327" s="17" t="e">
        <f>VLOOKUP(C1327,[1]分類番号!$A$4:$B$1149,2,0)</f>
        <v>#N/A</v>
      </c>
      <c r="E1327" s="16"/>
      <c r="G1327" s="14"/>
      <c r="H1327" s="3"/>
      <c r="I1327" s="3"/>
      <c r="J1327" s="3"/>
      <c r="K1327" s="3"/>
    </row>
    <row r="1328" spans="2:11" ht="18" hidden="1" customHeight="1" x14ac:dyDescent="0.4">
      <c r="B1328" s="10"/>
      <c r="C1328" s="18"/>
      <c r="D1328" s="17" t="e">
        <f>VLOOKUP(C1328,[1]分類番号!$A$4:$B$1149,2,0)</f>
        <v>#N/A</v>
      </c>
      <c r="E1328" s="16"/>
      <c r="G1328" s="14"/>
      <c r="H1328" s="3"/>
      <c r="I1328" s="3"/>
      <c r="J1328" s="3"/>
      <c r="K1328" s="3"/>
    </row>
    <row r="1329" spans="2:11" ht="18" hidden="1" customHeight="1" x14ac:dyDescent="0.4">
      <c r="B1329" s="10"/>
      <c r="C1329" s="18"/>
      <c r="D1329" s="17" t="e">
        <f>VLOOKUP(C1329,[1]分類番号!$A$4:$B$1149,2,0)</f>
        <v>#N/A</v>
      </c>
      <c r="E1329" s="16"/>
      <c r="G1329" s="14"/>
      <c r="H1329" s="3"/>
      <c r="I1329" s="3"/>
      <c r="J1329" s="3"/>
      <c r="K1329" s="3"/>
    </row>
    <row r="1330" spans="2:11" ht="18" hidden="1" customHeight="1" x14ac:dyDescent="0.4">
      <c r="B1330" s="10"/>
      <c r="C1330" s="18"/>
      <c r="D1330" s="17" t="e">
        <f>VLOOKUP(C1330,[1]分類番号!$A$4:$B$1149,2,0)</f>
        <v>#N/A</v>
      </c>
      <c r="E1330" s="16"/>
      <c r="G1330" s="14"/>
      <c r="H1330" s="3"/>
      <c r="I1330" s="3"/>
      <c r="J1330" s="3"/>
      <c r="K1330" s="3"/>
    </row>
    <row r="1331" spans="2:11" ht="18" hidden="1" customHeight="1" x14ac:dyDescent="0.4">
      <c r="B1331" s="10"/>
      <c r="C1331" s="18"/>
      <c r="D1331" s="17" t="e">
        <f>VLOOKUP(C1331,[1]分類番号!$A$4:$B$1149,2,0)</f>
        <v>#N/A</v>
      </c>
      <c r="E1331" s="16"/>
      <c r="G1331" s="14"/>
      <c r="H1331" s="3"/>
      <c r="I1331" s="3"/>
      <c r="J1331" s="3"/>
      <c r="K1331" s="3"/>
    </row>
    <row r="1332" spans="2:11" ht="18" hidden="1" customHeight="1" x14ac:dyDescent="0.4">
      <c r="B1332" s="10"/>
      <c r="C1332" s="18"/>
      <c r="D1332" s="17" t="e">
        <f>VLOOKUP(C1332,[1]分類番号!$A$4:$B$1149,2,0)</f>
        <v>#N/A</v>
      </c>
      <c r="E1332" s="16"/>
      <c r="G1332" s="14"/>
      <c r="H1332" s="3"/>
      <c r="I1332" s="3"/>
      <c r="J1332" s="3"/>
      <c r="K1332" s="3"/>
    </row>
    <row r="1333" spans="2:11" ht="18" hidden="1" customHeight="1" x14ac:dyDescent="0.4">
      <c r="B1333" s="10"/>
      <c r="C1333" s="18"/>
      <c r="D1333" s="17" t="e">
        <f>VLOOKUP(C1333,[1]分類番号!$A$4:$B$1149,2,0)</f>
        <v>#N/A</v>
      </c>
      <c r="E1333" s="16"/>
      <c r="G1333" s="14"/>
      <c r="H1333" s="3"/>
      <c r="I1333" s="3"/>
      <c r="J1333" s="3"/>
      <c r="K1333" s="3"/>
    </row>
    <row r="1334" spans="2:11" ht="18" hidden="1" customHeight="1" x14ac:dyDescent="0.4">
      <c r="B1334" s="10"/>
      <c r="C1334" s="18"/>
      <c r="D1334" s="17" t="e">
        <f>VLOOKUP(C1334,[1]分類番号!$A$4:$B$1149,2,0)</f>
        <v>#N/A</v>
      </c>
      <c r="E1334" s="16"/>
      <c r="G1334" s="14"/>
      <c r="H1334" s="3"/>
      <c r="I1334" s="3"/>
      <c r="J1334" s="3"/>
      <c r="K1334" s="3"/>
    </row>
    <row r="1335" spans="2:11" ht="18" hidden="1" customHeight="1" x14ac:dyDescent="0.4">
      <c r="B1335" s="10"/>
      <c r="C1335" s="18"/>
      <c r="D1335" s="17" t="e">
        <f>VLOOKUP(C1335,[1]分類番号!$A$4:$B$1149,2,0)</f>
        <v>#N/A</v>
      </c>
      <c r="E1335" s="16"/>
      <c r="G1335" s="14"/>
      <c r="H1335" s="3"/>
      <c r="I1335" s="3"/>
      <c r="J1335" s="3"/>
      <c r="K1335" s="3"/>
    </row>
    <row r="1336" spans="2:11" ht="18" hidden="1" customHeight="1" x14ac:dyDescent="0.4">
      <c r="B1336" s="10"/>
      <c r="C1336" s="18"/>
      <c r="D1336" s="17" t="e">
        <f>VLOOKUP(C1336,[1]分類番号!$A$4:$B$1149,2,0)</f>
        <v>#N/A</v>
      </c>
      <c r="E1336" s="16"/>
      <c r="G1336" s="14"/>
      <c r="H1336" s="3"/>
      <c r="I1336" s="3"/>
      <c r="J1336" s="3"/>
      <c r="K1336" s="3"/>
    </row>
    <row r="1337" spans="2:11" ht="18" hidden="1" customHeight="1" x14ac:dyDescent="0.4">
      <c r="B1337" s="10"/>
      <c r="C1337" s="18"/>
      <c r="D1337" s="17" t="e">
        <f>VLOOKUP(C1337,[1]分類番号!$A$4:$B$1149,2,0)</f>
        <v>#N/A</v>
      </c>
      <c r="E1337" s="16"/>
      <c r="G1337" s="14"/>
      <c r="H1337" s="3"/>
      <c r="I1337" s="3"/>
      <c r="J1337" s="3"/>
      <c r="K1337" s="3"/>
    </row>
    <row r="1338" spans="2:11" ht="18" hidden="1" customHeight="1" x14ac:dyDescent="0.4">
      <c r="B1338" s="10"/>
      <c r="C1338" s="18"/>
      <c r="D1338" s="17" t="e">
        <f>VLOOKUP(C1338,[1]分類番号!$A$4:$B$1149,2,0)</f>
        <v>#N/A</v>
      </c>
      <c r="E1338" s="16"/>
      <c r="G1338" s="14"/>
      <c r="H1338" s="3"/>
      <c r="I1338" s="3"/>
      <c r="J1338" s="3"/>
      <c r="K1338" s="3"/>
    </row>
    <row r="1339" spans="2:11" ht="18" hidden="1" customHeight="1" x14ac:dyDescent="0.4">
      <c r="B1339" s="10"/>
      <c r="C1339" s="18"/>
      <c r="D1339" s="17" t="e">
        <f>VLOOKUP(C1339,[1]分類番号!$A$4:$B$1149,2,0)</f>
        <v>#N/A</v>
      </c>
      <c r="E1339" s="16"/>
      <c r="G1339" s="14"/>
      <c r="H1339" s="3"/>
      <c r="I1339" s="3"/>
      <c r="J1339" s="3"/>
      <c r="K1339" s="3"/>
    </row>
    <row r="1340" spans="2:11" ht="18" hidden="1" customHeight="1" x14ac:dyDescent="0.4">
      <c r="B1340" s="10"/>
      <c r="C1340" s="18"/>
      <c r="D1340" s="17" t="e">
        <f>VLOOKUP(C1340,[1]分類番号!$A$4:$B$1149,2,0)</f>
        <v>#N/A</v>
      </c>
      <c r="E1340" s="16"/>
      <c r="G1340" s="14"/>
      <c r="H1340" s="3"/>
      <c r="I1340" s="3"/>
      <c r="J1340" s="3"/>
      <c r="K1340" s="3"/>
    </row>
    <row r="1341" spans="2:11" ht="18" hidden="1" customHeight="1" x14ac:dyDescent="0.4">
      <c r="B1341" s="10"/>
      <c r="C1341" s="18"/>
      <c r="D1341" s="17" t="e">
        <f>VLOOKUP(C1341,[1]分類番号!$A$4:$B$1149,2,0)</f>
        <v>#N/A</v>
      </c>
      <c r="E1341" s="16"/>
      <c r="G1341" s="14"/>
      <c r="H1341" s="3"/>
      <c r="I1341" s="3"/>
      <c r="J1341" s="3"/>
      <c r="K1341" s="3"/>
    </row>
    <row r="1342" spans="2:11" ht="18" hidden="1" customHeight="1" x14ac:dyDescent="0.4">
      <c r="B1342" s="10"/>
      <c r="C1342" s="18"/>
      <c r="D1342" s="17" t="e">
        <f>VLOOKUP(C1342,[1]分類番号!$A$4:$B$1149,2,0)</f>
        <v>#N/A</v>
      </c>
      <c r="E1342" s="16"/>
      <c r="G1342" s="14"/>
      <c r="H1342" s="3"/>
      <c r="I1342" s="3"/>
      <c r="J1342" s="3"/>
      <c r="K1342" s="3"/>
    </row>
    <row r="1343" spans="2:11" ht="18" hidden="1" customHeight="1" x14ac:dyDescent="0.4">
      <c r="B1343" s="10"/>
      <c r="C1343" s="18"/>
      <c r="D1343" s="17" t="e">
        <f>VLOOKUP(C1343,[1]分類番号!$A$4:$B$1149,2,0)</f>
        <v>#N/A</v>
      </c>
      <c r="E1343" s="16"/>
      <c r="G1343" s="14"/>
      <c r="H1343" s="3"/>
      <c r="I1343" s="3"/>
      <c r="J1343" s="3"/>
      <c r="K1343" s="3"/>
    </row>
    <row r="1344" spans="2:11" ht="18" hidden="1" customHeight="1" x14ac:dyDescent="0.4">
      <c r="B1344" s="10"/>
      <c r="C1344" s="18"/>
      <c r="D1344" s="17" t="e">
        <f>VLOOKUP(C1344,[1]分類番号!$A$4:$B$1149,2,0)</f>
        <v>#N/A</v>
      </c>
      <c r="E1344" s="16"/>
      <c r="G1344" s="14"/>
      <c r="H1344" s="3"/>
      <c r="I1344" s="3"/>
      <c r="J1344" s="3"/>
      <c r="K1344" s="3"/>
    </row>
    <row r="1345" spans="2:11" ht="18" hidden="1" customHeight="1" x14ac:dyDescent="0.4">
      <c r="B1345" s="10"/>
      <c r="C1345" s="18"/>
      <c r="D1345" s="17" t="e">
        <f>VLOOKUP(C1345,[1]分類番号!$A$4:$B$1149,2,0)</f>
        <v>#N/A</v>
      </c>
      <c r="E1345" s="16"/>
      <c r="G1345" s="14"/>
      <c r="H1345" s="3"/>
      <c r="I1345" s="3"/>
      <c r="J1345" s="3"/>
      <c r="K1345" s="3"/>
    </row>
    <row r="1346" spans="2:11" ht="18" hidden="1" customHeight="1" x14ac:dyDescent="0.4">
      <c r="B1346" s="10"/>
      <c r="C1346" s="18"/>
      <c r="D1346" s="17" t="e">
        <f>VLOOKUP(C1346,[1]分類番号!$A$4:$B$1149,2,0)</f>
        <v>#N/A</v>
      </c>
      <c r="E1346" s="16"/>
      <c r="G1346" s="14"/>
      <c r="H1346" s="3"/>
      <c r="I1346" s="3"/>
      <c r="J1346" s="3"/>
      <c r="K1346" s="3"/>
    </row>
    <row r="1347" spans="2:11" ht="18" hidden="1" customHeight="1" x14ac:dyDescent="0.4">
      <c r="B1347" s="10"/>
      <c r="C1347" s="18"/>
      <c r="D1347" s="17" t="e">
        <f>VLOOKUP(C1347,[1]分類番号!$A$4:$B$1149,2,0)</f>
        <v>#N/A</v>
      </c>
      <c r="E1347" s="16"/>
      <c r="G1347" s="14"/>
      <c r="H1347" s="3"/>
      <c r="I1347" s="3"/>
      <c r="J1347" s="3"/>
      <c r="K1347" s="3"/>
    </row>
    <row r="1348" spans="2:11" ht="18" hidden="1" customHeight="1" x14ac:dyDescent="0.4">
      <c r="B1348" s="10"/>
      <c r="C1348" s="18"/>
      <c r="D1348" s="17" t="e">
        <f>VLOOKUP(C1348,[1]分類番号!$A$4:$B$1149,2,0)</f>
        <v>#N/A</v>
      </c>
      <c r="E1348" s="16"/>
      <c r="G1348" s="14"/>
      <c r="H1348" s="3"/>
      <c r="I1348" s="3"/>
      <c r="J1348" s="3"/>
      <c r="K1348" s="3"/>
    </row>
    <row r="1349" spans="2:11" ht="18" hidden="1" customHeight="1" x14ac:dyDescent="0.4">
      <c r="B1349" s="10"/>
      <c r="C1349" s="18"/>
      <c r="D1349" s="17" t="e">
        <f>VLOOKUP(C1349,[1]分類番号!$A$4:$B$1149,2,0)</f>
        <v>#N/A</v>
      </c>
      <c r="E1349" s="16"/>
      <c r="G1349" s="14"/>
      <c r="H1349" s="3"/>
      <c r="I1349" s="3"/>
      <c r="J1349" s="3"/>
      <c r="K1349" s="3"/>
    </row>
    <row r="1350" spans="2:11" ht="18" hidden="1" customHeight="1" x14ac:dyDescent="0.4">
      <c r="B1350" s="10"/>
      <c r="C1350" s="18"/>
      <c r="D1350" s="17" t="e">
        <f>VLOOKUP(C1350,[1]分類番号!$A$4:$B$1149,2,0)</f>
        <v>#N/A</v>
      </c>
      <c r="E1350" s="16"/>
      <c r="G1350" s="14"/>
      <c r="H1350" s="3"/>
      <c r="I1350" s="3"/>
      <c r="J1350" s="3"/>
      <c r="K1350" s="3"/>
    </row>
    <row r="1351" spans="2:11" ht="18" hidden="1" customHeight="1" x14ac:dyDescent="0.4">
      <c r="B1351" s="10"/>
      <c r="C1351" s="18"/>
      <c r="D1351" s="17" t="e">
        <f>VLOOKUP(C1351,[1]分類番号!$A$4:$B$1149,2,0)</f>
        <v>#N/A</v>
      </c>
      <c r="E1351" s="16"/>
      <c r="G1351" s="14"/>
      <c r="H1351" s="3"/>
      <c r="I1351" s="3"/>
      <c r="J1351" s="3"/>
      <c r="K1351" s="3"/>
    </row>
    <row r="1352" spans="2:11" ht="18" hidden="1" customHeight="1" x14ac:dyDescent="0.4">
      <c r="B1352" s="10"/>
      <c r="C1352" s="18"/>
      <c r="D1352" s="17" t="e">
        <f>VLOOKUP(C1352,[1]分類番号!$A$4:$B$1149,2,0)</f>
        <v>#N/A</v>
      </c>
      <c r="E1352" s="16"/>
      <c r="G1352" s="14"/>
      <c r="H1352" s="3"/>
      <c r="I1352" s="3"/>
      <c r="J1352" s="3"/>
      <c r="K1352" s="3"/>
    </row>
    <row r="1353" spans="2:11" ht="18" hidden="1" customHeight="1" x14ac:dyDescent="0.4">
      <c r="B1353" s="10"/>
      <c r="C1353" s="18"/>
      <c r="D1353" s="17" t="e">
        <f>VLOOKUP(C1353,[1]分類番号!$A$4:$B$1149,2,0)</f>
        <v>#N/A</v>
      </c>
      <c r="E1353" s="16"/>
      <c r="G1353" s="14"/>
      <c r="H1353" s="3"/>
      <c r="I1353" s="3"/>
      <c r="J1353" s="3"/>
      <c r="K1353" s="3"/>
    </row>
    <row r="1354" spans="2:11" ht="18" hidden="1" customHeight="1" x14ac:dyDescent="0.4">
      <c r="B1354" s="10"/>
      <c r="C1354" s="18"/>
      <c r="D1354" s="17" t="e">
        <f>VLOOKUP(C1354,[1]分類番号!$A$4:$B$1149,2,0)</f>
        <v>#N/A</v>
      </c>
      <c r="E1354" s="16"/>
      <c r="G1354" s="14"/>
      <c r="H1354" s="3"/>
      <c r="I1354" s="3"/>
      <c r="J1354" s="3"/>
      <c r="K1354" s="3"/>
    </row>
    <row r="1355" spans="2:11" ht="18" hidden="1" customHeight="1" x14ac:dyDescent="0.4">
      <c r="B1355" s="10"/>
      <c r="C1355" s="18"/>
      <c r="D1355" s="17" t="e">
        <f>VLOOKUP(C1355,[1]分類番号!$A$4:$B$1149,2,0)</f>
        <v>#N/A</v>
      </c>
      <c r="E1355" s="16"/>
      <c r="G1355" s="14"/>
      <c r="H1355" s="3"/>
      <c r="I1355" s="3"/>
      <c r="J1355" s="3"/>
      <c r="K1355" s="3"/>
    </row>
    <row r="1356" spans="2:11" ht="18" hidden="1" customHeight="1" x14ac:dyDescent="0.4">
      <c r="B1356" s="10"/>
      <c r="C1356" s="18"/>
      <c r="D1356" s="17" t="e">
        <f>VLOOKUP(C1356,[1]分類番号!$A$4:$B$1149,2,0)</f>
        <v>#N/A</v>
      </c>
      <c r="E1356" s="16"/>
      <c r="G1356" s="14"/>
      <c r="H1356" s="3"/>
      <c r="I1356" s="3"/>
      <c r="J1356" s="3"/>
      <c r="K1356" s="3"/>
    </row>
    <row r="1357" spans="2:11" ht="18" hidden="1" customHeight="1" x14ac:dyDescent="0.4">
      <c r="B1357" s="10"/>
      <c r="C1357" s="18"/>
      <c r="D1357" s="17" t="e">
        <f>VLOOKUP(C1357,[1]分類番号!$A$4:$B$1149,2,0)</f>
        <v>#N/A</v>
      </c>
      <c r="E1357" s="16"/>
      <c r="G1357" s="14"/>
      <c r="H1357" s="3"/>
      <c r="I1357" s="3"/>
      <c r="J1357" s="3"/>
      <c r="K1357" s="3"/>
    </row>
    <row r="1358" spans="2:11" ht="18" hidden="1" customHeight="1" x14ac:dyDescent="0.4">
      <c r="B1358" s="10"/>
      <c r="C1358" s="18"/>
      <c r="D1358" s="17" t="e">
        <f>VLOOKUP(C1358,[1]分類番号!$A$4:$B$1149,2,0)</f>
        <v>#N/A</v>
      </c>
      <c r="E1358" s="16"/>
      <c r="G1358" s="14"/>
      <c r="H1358" s="3"/>
      <c r="I1358" s="3"/>
      <c r="J1358" s="3"/>
      <c r="K1358" s="3"/>
    </row>
    <row r="1359" spans="2:11" ht="18" hidden="1" customHeight="1" x14ac:dyDescent="0.4">
      <c r="B1359" s="10"/>
      <c r="C1359" s="18"/>
      <c r="D1359" s="17" t="e">
        <f>VLOOKUP(C1359,[1]分類番号!$A$4:$B$1149,2,0)</f>
        <v>#N/A</v>
      </c>
      <c r="E1359" s="16"/>
      <c r="G1359" s="14"/>
      <c r="H1359" s="3"/>
      <c r="I1359" s="3"/>
      <c r="J1359" s="3"/>
      <c r="K1359" s="3"/>
    </row>
    <row r="1360" spans="2:11" ht="18" hidden="1" customHeight="1" x14ac:dyDescent="0.4">
      <c r="B1360" s="10"/>
      <c r="C1360" s="18"/>
      <c r="D1360" s="17" t="e">
        <f>VLOOKUP(C1360,[1]分類番号!$A$4:$B$1149,2,0)</f>
        <v>#N/A</v>
      </c>
      <c r="E1360" s="16"/>
      <c r="G1360" s="14"/>
      <c r="H1360" s="3"/>
      <c r="I1360" s="3"/>
      <c r="J1360" s="3"/>
      <c r="K1360" s="3"/>
    </row>
    <row r="1361" spans="2:11" ht="18" hidden="1" customHeight="1" x14ac:dyDescent="0.4">
      <c r="B1361" s="10"/>
      <c r="C1361" s="18"/>
      <c r="D1361" s="17" t="e">
        <f>VLOOKUP(C1361,[1]分類番号!$A$4:$B$1149,2,0)</f>
        <v>#N/A</v>
      </c>
      <c r="E1361" s="16"/>
      <c r="G1361" s="14"/>
      <c r="H1361" s="3"/>
      <c r="I1361" s="3"/>
      <c r="J1361" s="3"/>
      <c r="K1361" s="3"/>
    </row>
    <row r="1362" spans="2:11" ht="18" hidden="1" customHeight="1" x14ac:dyDescent="0.4">
      <c r="B1362" s="10"/>
      <c r="C1362" s="18"/>
      <c r="D1362" s="17" t="e">
        <f>VLOOKUP(C1362,[1]分類番号!$A$4:$B$1149,2,0)</f>
        <v>#N/A</v>
      </c>
      <c r="E1362" s="16"/>
      <c r="G1362" s="14"/>
      <c r="H1362" s="3"/>
      <c r="I1362" s="3"/>
      <c r="J1362" s="3"/>
      <c r="K1362" s="3"/>
    </row>
    <row r="1363" spans="2:11" ht="18" hidden="1" customHeight="1" x14ac:dyDescent="0.4">
      <c r="B1363" s="10"/>
      <c r="C1363" s="18"/>
      <c r="D1363" s="17" t="e">
        <f>VLOOKUP(C1363,[1]分類番号!$A$4:$B$1149,2,0)</f>
        <v>#N/A</v>
      </c>
      <c r="E1363" s="16"/>
      <c r="G1363" s="14"/>
      <c r="H1363" s="3"/>
      <c r="I1363" s="3"/>
      <c r="J1363" s="3"/>
      <c r="K1363" s="3"/>
    </row>
    <row r="1364" spans="2:11" ht="18" hidden="1" customHeight="1" x14ac:dyDescent="0.4">
      <c r="B1364" s="10"/>
      <c r="C1364" s="18"/>
      <c r="D1364" s="17" t="e">
        <f>VLOOKUP(C1364,[1]分類番号!$A$4:$B$1149,2,0)</f>
        <v>#N/A</v>
      </c>
      <c r="E1364" s="16"/>
      <c r="G1364" s="14"/>
      <c r="H1364" s="3"/>
      <c r="I1364" s="3"/>
      <c r="J1364" s="3"/>
      <c r="K1364" s="3"/>
    </row>
    <row r="1365" spans="2:11" ht="18" hidden="1" customHeight="1" x14ac:dyDescent="0.4">
      <c r="B1365" s="10"/>
      <c r="C1365" s="18"/>
      <c r="D1365" s="17" t="e">
        <f>VLOOKUP(C1365,[1]分類番号!$A$4:$B$1149,2,0)</f>
        <v>#N/A</v>
      </c>
      <c r="E1365" s="16"/>
      <c r="G1365" s="14"/>
      <c r="H1365" s="3"/>
      <c r="I1365" s="3"/>
      <c r="J1365" s="3"/>
      <c r="K1365" s="3"/>
    </row>
    <row r="1366" spans="2:11" ht="18" hidden="1" customHeight="1" x14ac:dyDescent="0.4">
      <c r="B1366" s="10"/>
      <c r="C1366" s="18"/>
      <c r="D1366" s="17" t="e">
        <f>VLOOKUP(C1366,[1]分類番号!$A$4:$B$1149,2,0)</f>
        <v>#N/A</v>
      </c>
      <c r="E1366" s="16"/>
      <c r="G1366" s="14"/>
      <c r="H1366" s="3"/>
      <c r="I1366" s="3"/>
      <c r="J1366" s="3"/>
      <c r="K1366" s="3"/>
    </row>
    <row r="1367" spans="2:11" ht="18" hidden="1" customHeight="1" x14ac:dyDescent="0.4">
      <c r="B1367" s="10"/>
      <c r="C1367" s="18"/>
      <c r="D1367" s="17" t="e">
        <f>VLOOKUP(C1367,[1]分類番号!$A$4:$B$1149,2,0)</f>
        <v>#N/A</v>
      </c>
      <c r="E1367" s="16"/>
      <c r="G1367" s="14"/>
      <c r="H1367" s="3"/>
      <c r="I1367" s="3"/>
      <c r="J1367" s="3"/>
      <c r="K1367" s="3"/>
    </row>
    <row r="1368" spans="2:11" ht="18" hidden="1" customHeight="1" x14ac:dyDescent="0.4">
      <c r="B1368" s="10"/>
      <c r="C1368" s="18"/>
      <c r="D1368" s="17" t="e">
        <f>VLOOKUP(C1368,[1]分類番号!$A$4:$B$1149,2,0)</f>
        <v>#N/A</v>
      </c>
      <c r="E1368" s="16"/>
      <c r="G1368" s="14"/>
      <c r="H1368" s="3"/>
      <c r="I1368" s="3"/>
      <c r="J1368" s="3"/>
      <c r="K1368" s="3"/>
    </row>
    <row r="1369" spans="2:11" ht="18" hidden="1" customHeight="1" x14ac:dyDescent="0.4">
      <c r="B1369" s="10"/>
      <c r="C1369" s="18"/>
      <c r="D1369" s="17" t="e">
        <f>VLOOKUP(C1369,[1]分類番号!$A$4:$B$1149,2,0)</f>
        <v>#N/A</v>
      </c>
      <c r="E1369" s="16"/>
      <c r="G1369" s="14"/>
      <c r="H1369" s="3"/>
      <c r="I1369" s="3"/>
      <c r="J1369" s="3"/>
      <c r="K1369" s="3"/>
    </row>
    <row r="1370" spans="2:11" ht="18" hidden="1" customHeight="1" x14ac:dyDescent="0.4">
      <c r="B1370" s="10"/>
      <c r="C1370" s="18"/>
      <c r="D1370" s="17" t="e">
        <f>VLOOKUP(C1370,[1]分類番号!$A$4:$B$1149,2,0)</f>
        <v>#N/A</v>
      </c>
      <c r="E1370" s="16"/>
      <c r="G1370" s="14"/>
      <c r="H1370" s="3"/>
      <c r="I1370" s="3"/>
      <c r="J1370" s="3"/>
      <c r="K1370" s="3"/>
    </row>
    <row r="1371" spans="2:11" ht="18" hidden="1" customHeight="1" x14ac:dyDescent="0.4">
      <c r="B1371" s="10"/>
      <c r="C1371" s="18"/>
      <c r="D1371" s="17" t="e">
        <f>VLOOKUP(C1371,[1]分類番号!$A$4:$B$1149,2,0)</f>
        <v>#N/A</v>
      </c>
      <c r="E1371" s="16"/>
      <c r="G1371" s="14"/>
      <c r="H1371" s="3"/>
      <c r="I1371" s="3"/>
      <c r="J1371" s="3"/>
      <c r="K1371" s="3"/>
    </row>
    <row r="1372" spans="2:11" ht="18" hidden="1" customHeight="1" x14ac:dyDescent="0.4">
      <c r="B1372" s="10"/>
      <c r="C1372" s="18"/>
      <c r="D1372" s="17" t="e">
        <f>VLOOKUP(C1372,[1]分類番号!$A$4:$B$1149,2,0)</f>
        <v>#N/A</v>
      </c>
      <c r="E1372" s="16"/>
      <c r="G1372" s="14"/>
      <c r="H1372" s="3"/>
      <c r="I1372" s="3"/>
      <c r="J1372" s="3"/>
      <c r="K1372" s="3"/>
    </row>
    <row r="1373" spans="2:11" ht="18" hidden="1" customHeight="1" x14ac:dyDescent="0.4">
      <c r="B1373" s="10"/>
      <c r="C1373" s="18"/>
      <c r="D1373" s="17" t="e">
        <f>VLOOKUP(C1373,[1]分類番号!$A$4:$B$1149,2,0)</f>
        <v>#N/A</v>
      </c>
      <c r="E1373" s="16"/>
      <c r="G1373" s="14"/>
      <c r="H1373" s="3"/>
      <c r="I1373" s="3"/>
      <c r="J1373" s="3"/>
      <c r="K1373" s="3"/>
    </row>
    <row r="1374" spans="2:11" ht="18" hidden="1" customHeight="1" x14ac:dyDescent="0.4">
      <c r="B1374" s="10"/>
      <c r="C1374" s="18"/>
      <c r="D1374" s="17" t="e">
        <f>VLOOKUP(C1374,[1]分類番号!$A$4:$B$1149,2,0)</f>
        <v>#N/A</v>
      </c>
      <c r="E1374" s="16"/>
      <c r="G1374" s="14"/>
      <c r="H1374" s="3"/>
      <c r="I1374" s="3"/>
      <c r="J1374" s="3"/>
      <c r="K1374" s="3"/>
    </row>
    <row r="1375" spans="2:11" ht="18" hidden="1" customHeight="1" x14ac:dyDescent="0.4">
      <c r="B1375" s="10"/>
      <c r="C1375" s="18"/>
      <c r="D1375" s="17" t="e">
        <f>VLOOKUP(C1375,[1]分類番号!$A$4:$B$1149,2,0)</f>
        <v>#N/A</v>
      </c>
      <c r="E1375" s="16"/>
      <c r="G1375" s="14"/>
      <c r="H1375" s="3"/>
      <c r="I1375" s="3"/>
      <c r="J1375" s="3"/>
      <c r="K1375" s="3"/>
    </row>
    <row r="1376" spans="2:11" ht="18" hidden="1" customHeight="1" x14ac:dyDescent="0.4">
      <c r="B1376" s="10"/>
      <c r="C1376" s="18"/>
      <c r="D1376" s="17" t="e">
        <f>VLOOKUP(C1376,[1]分類番号!$A$4:$B$1149,2,0)</f>
        <v>#N/A</v>
      </c>
      <c r="E1376" s="16"/>
      <c r="G1376" s="14"/>
      <c r="H1376" s="3"/>
      <c r="I1376" s="3"/>
      <c r="J1376" s="3"/>
      <c r="K1376" s="3"/>
    </row>
    <row r="1377" spans="2:11" ht="18" hidden="1" customHeight="1" x14ac:dyDescent="0.4">
      <c r="B1377" s="10"/>
      <c r="C1377" s="18"/>
      <c r="D1377" s="17" t="e">
        <f>VLOOKUP(C1377,[1]分類番号!$A$4:$B$1149,2,0)</f>
        <v>#N/A</v>
      </c>
      <c r="E1377" s="16"/>
      <c r="G1377" s="14"/>
      <c r="H1377" s="3"/>
      <c r="I1377" s="3"/>
      <c r="J1377" s="3"/>
      <c r="K1377" s="3"/>
    </row>
    <row r="1378" spans="2:11" ht="18" hidden="1" customHeight="1" x14ac:dyDescent="0.4">
      <c r="B1378" s="10"/>
      <c r="C1378" s="18"/>
      <c r="D1378" s="17" t="e">
        <f>VLOOKUP(C1378,[1]分類番号!$A$4:$B$1149,2,0)</f>
        <v>#N/A</v>
      </c>
      <c r="E1378" s="16"/>
      <c r="G1378" s="14"/>
      <c r="H1378" s="3"/>
      <c r="I1378" s="3"/>
      <c r="J1378" s="3"/>
      <c r="K1378" s="3"/>
    </row>
    <row r="1379" spans="2:11" ht="18" hidden="1" customHeight="1" x14ac:dyDescent="0.4">
      <c r="B1379" s="10"/>
      <c r="C1379" s="18"/>
      <c r="D1379" s="17" t="e">
        <f>VLOOKUP(C1379,[1]分類番号!$A$4:$B$1149,2,0)</f>
        <v>#N/A</v>
      </c>
      <c r="E1379" s="16"/>
      <c r="G1379" s="14"/>
      <c r="H1379" s="3"/>
      <c r="I1379" s="3"/>
      <c r="J1379" s="3"/>
      <c r="K1379" s="3"/>
    </row>
    <row r="1380" spans="2:11" ht="18" hidden="1" customHeight="1" x14ac:dyDescent="0.4">
      <c r="B1380" s="10"/>
      <c r="C1380" s="18"/>
      <c r="D1380" s="17" t="e">
        <f>VLOOKUP(C1380,[1]分類番号!$A$4:$B$1149,2,0)</f>
        <v>#N/A</v>
      </c>
      <c r="E1380" s="16"/>
      <c r="G1380" s="14"/>
      <c r="H1380" s="3"/>
      <c r="I1380" s="3"/>
      <c r="J1380" s="3"/>
      <c r="K1380" s="3"/>
    </row>
    <row r="1381" spans="2:11" ht="18" hidden="1" customHeight="1" x14ac:dyDescent="0.4">
      <c r="B1381" s="10"/>
      <c r="C1381" s="18"/>
      <c r="D1381" s="17" t="e">
        <f>VLOOKUP(C1381,[1]分類番号!$A$4:$B$1149,2,0)</f>
        <v>#N/A</v>
      </c>
      <c r="E1381" s="16"/>
      <c r="G1381" s="14"/>
      <c r="H1381" s="3"/>
      <c r="I1381" s="3"/>
      <c r="J1381" s="3"/>
      <c r="K1381" s="3"/>
    </row>
    <row r="1382" spans="2:11" ht="18" hidden="1" customHeight="1" x14ac:dyDescent="0.4">
      <c r="B1382" s="10"/>
      <c r="C1382" s="18"/>
      <c r="D1382" s="17" t="e">
        <f>VLOOKUP(C1382,[1]分類番号!$A$4:$B$1149,2,0)</f>
        <v>#N/A</v>
      </c>
      <c r="E1382" s="16"/>
      <c r="G1382" s="14"/>
      <c r="H1382" s="3"/>
      <c r="I1382" s="3"/>
      <c r="J1382" s="3"/>
      <c r="K1382" s="3"/>
    </row>
    <row r="1383" spans="2:11" ht="18" hidden="1" customHeight="1" x14ac:dyDescent="0.4">
      <c r="B1383" s="10"/>
      <c r="C1383" s="18"/>
      <c r="D1383" s="17" t="e">
        <f>VLOOKUP(C1383,[1]分類番号!$A$4:$B$1149,2,0)</f>
        <v>#N/A</v>
      </c>
      <c r="E1383" s="16"/>
      <c r="G1383" s="14"/>
      <c r="H1383" s="3"/>
      <c r="I1383" s="3"/>
      <c r="J1383" s="3"/>
      <c r="K1383" s="3"/>
    </row>
    <row r="1384" spans="2:11" ht="18" hidden="1" customHeight="1" x14ac:dyDescent="0.4">
      <c r="B1384" s="10"/>
      <c r="C1384" s="18"/>
      <c r="D1384" s="17" t="e">
        <f>VLOOKUP(C1384,[1]分類番号!$A$4:$B$1149,2,0)</f>
        <v>#N/A</v>
      </c>
      <c r="E1384" s="16"/>
      <c r="G1384" s="14"/>
      <c r="H1384" s="3"/>
      <c r="I1384" s="3"/>
      <c r="J1384" s="3"/>
      <c r="K1384" s="3"/>
    </row>
    <row r="1385" spans="2:11" ht="18" hidden="1" customHeight="1" x14ac:dyDescent="0.4">
      <c r="B1385" s="10"/>
      <c r="C1385" s="18"/>
      <c r="D1385" s="17" t="e">
        <f>VLOOKUP(C1385,[1]分類番号!$A$4:$B$1149,2,0)</f>
        <v>#N/A</v>
      </c>
      <c r="E1385" s="16"/>
      <c r="G1385" s="14"/>
      <c r="H1385" s="3"/>
      <c r="I1385" s="3"/>
      <c r="J1385" s="3"/>
      <c r="K1385" s="3"/>
    </row>
    <row r="1386" spans="2:11" ht="18" hidden="1" customHeight="1" x14ac:dyDescent="0.4">
      <c r="B1386" s="10"/>
      <c r="C1386" s="18"/>
      <c r="D1386" s="17" t="e">
        <f>VLOOKUP(C1386,[1]分類番号!$A$4:$B$1149,2,0)</f>
        <v>#N/A</v>
      </c>
      <c r="E1386" s="16"/>
      <c r="G1386" s="14"/>
      <c r="H1386" s="3"/>
      <c r="I1386" s="3"/>
      <c r="J1386" s="3"/>
      <c r="K1386" s="3"/>
    </row>
    <row r="1387" spans="2:11" ht="18" hidden="1" customHeight="1" x14ac:dyDescent="0.4">
      <c r="B1387" s="10"/>
      <c r="C1387" s="18"/>
      <c r="D1387" s="17" t="e">
        <f>VLOOKUP(C1387,[1]分類番号!$A$4:$B$1149,2,0)</f>
        <v>#N/A</v>
      </c>
      <c r="E1387" s="16"/>
      <c r="G1387" s="14"/>
      <c r="H1387" s="3"/>
      <c r="I1387" s="3"/>
      <c r="J1387" s="3"/>
      <c r="K1387" s="3"/>
    </row>
    <row r="1388" spans="2:11" ht="18" hidden="1" customHeight="1" x14ac:dyDescent="0.4">
      <c r="B1388" s="10"/>
      <c r="C1388" s="18"/>
      <c r="D1388" s="17" t="e">
        <f>VLOOKUP(C1388,[1]分類番号!$A$4:$B$1149,2,0)</f>
        <v>#N/A</v>
      </c>
      <c r="E1388" s="16"/>
      <c r="G1388" s="14"/>
      <c r="H1388" s="3"/>
      <c r="I1388" s="3"/>
      <c r="J1388" s="3"/>
      <c r="K1388" s="3"/>
    </row>
    <row r="1389" spans="2:11" ht="18" hidden="1" customHeight="1" x14ac:dyDescent="0.4">
      <c r="B1389" s="10"/>
      <c r="C1389" s="18"/>
      <c r="D1389" s="17" t="e">
        <f>VLOOKUP(C1389,[1]分類番号!$A$4:$B$1149,2,0)</f>
        <v>#N/A</v>
      </c>
      <c r="E1389" s="16"/>
      <c r="G1389" s="14"/>
      <c r="H1389" s="3"/>
      <c r="I1389" s="3"/>
      <c r="J1389" s="3"/>
      <c r="K1389" s="3"/>
    </row>
    <row r="1390" spans="2:11" ht="18" hidden="1" customHeight="1" x14ac:dyDescent="0.4">
      <c r="B1390" s="10"/>
      <c r="C1390" s="18"/>
      <c r="D1390" s="17" t="e">
        <f>VLOOKUP(C1390,[1]分類番号!$A$4:$B$1149,2,0)</f>
        <v>#N/A</v>
      </c>
      <c r="E1390" s="16"/>
      <c r="G1390" s="14"/>
      <c r="H1390" s="3"/>
      <c r="I1390" s="3"/>
      <c r="J1390" s="3"/>
      <c r="K1390" s="3"/>
    </row>
    <row r="1391" spans="2:11" ht="18" hidden="1" customHeight="1" x14ac:dyDescent="0.4">
      <c r="B1391" s="10"/>
      <c r="C1391" s="18"/>
      <c r="D1391" s="17" t="e">
        <f>VLOOKUP(C1391,[1]分類番号!$A$4:$B$1149,2,0)</f>
        <v>#N/A</v>
      </c>
      <c r="E1391" s="16"/>
      <c r="G1391" s="14"/>
      <c r="H1391" s="3"/>
      <c r="I1391" s="3"/>
      <c r="J1391" s="3"/>
      <c r="K1391" s="3"/>
    </row>
    <row r="1392" spans="2:11" ht="18" hidden="1" customHeight="1" x14ac:dyDescent="0.4">
      <c r="B1392" s="10"/>
      <c r="C1392" s="18"/>
      <c r="D1392" s="17" t="e">
        <f>VLOOKUP(C1392,[1]分類番号!$A$4:$B$1149,2,0)</f>
        <v>#N/A</v>
      </c>
      <c r="E1392" s="16"/>
      <c r="G1392" s="14"/>
      <c r="H1392" s="3"/>
      <c r="I1392" s="3"/>
      <c r="J1392" s="3"/>
      <c r="K1392" s="3"/>
    </row>
    <row r="1393" spans="2:11" ht="18" hidden="1" customHeight="1" x14ac:dyDescent="0.4">
      <c r="B1393" s="10"/>
      <c r="C1393" s="18"/>
      <c r="D1393" s="17" t="e">
        <f>VLOOKUP(C1393,[1]分類番号!$A$4:$B$1149,2,0)</f>
        <v>#N/A</v>
      </c>
      <c r="E1393" s="16"/>
      <c r="G1393" s="14"/>
      <c r="H1393" s="3"/>
      <c r="I1393" s="3"/>
      <c r="J1393" s="3"/>
      <c r="K1393" s="3"/>
    </row>
    <row r="1394" spans="2:11" ht="18" hidden="1" customHeight="1" x14ac:dyDescent="0.4">
      <c r="B1394" s="10"/>
      <c r="C1394" s="18"/>
      <c r="D1394" s="17" t="e">
        <f>VLOOKUP(C1394,[1]分類番号!$A$4:$B$1149,2,0)</f>
        <v>#N/A</v>
      </c>
      <c r="E1394" s="16"/>
      <c r="G1394" s="14"/>
      <c r="H1394" s="3"/>
      <c r="I1394" s="3"/>
      <c r="J1394" s="3"/>
      <c r="K1394" s="3"/>
    </row>
    <row r="1395" spans="2:11" ht="18" hidden="1" customHeight="1" x14ac:dyDescent="0.4">
      <c r="B1395" s="10"/>
      <c r="C1395" s="18"/>
      <c r="D1395" s="17" t="e">
        <f>VLOOKUP(C1395,[1]分類番号!$A$4:$B$1149,2,0)</f>
        <v>#N/A</v>
      </c>
      <c r="E1395" s="16"/>
      <c r="G1395" s="14"/>
      <c r="H1395" s="3"/>
      <c r="I1395" s="3"/>
      <c r="J1395" s="3"/>
      <c r="K1395" s="3"/>
    </row>
    <row r="1396" spans="2:11" ht="18" hidden="1" customHeight="1" x14ac:dyDescent="0.4">
      <c r="B1396" s="10"/>
      <c r="C1396" s="18"/>
      <c r="D1396" s="17" t="e">
        <f>VLOOKUP(C1396,[1]分類番号!$A$4:$B$1149,2,0)</f>
        <v>#N/A</v>
      </c>
      <c r="E1396" s="16"/>
      <c r="G1396" s="14"/>
      <c r="H1396" s="3"/>
      <c r="I1396" s="3"/>
      <c r="J1396" s="3"/>
      <c r="K1396" s="3"/>
    </row>
    <row r="1397" spans="2:11" ht="18" hidden="1" customHeight="1" x14ac:dyDescent="0.4">
      <c r="B1397" s="10"/>
      <c r="C1397" s="18"/>
      <c r="D1397" s="17" t="e">
        <f>VLOOKUP(C1397,[1]分類番号!$A$4:$B$1149,2,0)</f>
        <v>#N/A</v>
      </c>
      <c r="E1397" s="16"/>
      <c r="G1397" s="14"/>
      <c r="H1397" s="3"/>
      <c r="I1397" s="3"/>
      <c r="J1397" s="3"/>
      <c r="K1397" s="3"/>
    </row>
    <row r="1398" spans="2:11" ht="18" hidden="1" customHeight="1" x14ac:dyDescent="0.4">
      <c r="B1398" s="10"/>
      <c r="C1398" s="18"/>
      <c r="D1398" s="17" t="e">
        <f>VLOOKUP(C1398,[1]分類番号!$A$4:$B$1149,2,0)</f>
        <v>#N/A</v>
      </c>
      <c r="E1398" s="16"/>
      <c r="G1398" s="14"/>
      <c r="H1398" s="3"/>
      <c r="I1398" s="3"/>
      <c r="J1398" s="3"/>
      <c r="K1398" s="3"/>
    </row>
    <row r="1399" spans="2:11" ht="18" hidden="1" customHeight="1" x14ac:dyDescent="0.4">
      <c r="B1399" s="10"/>
      <c r="C1399" s="18"/>
      <c r="D1399" s="17" t="e">
        <f>VLOOKUP(C1399,[1]分類番号!$A$4:$B$1149,2,0)</f>
        <v>#N/A</v>
      </c>
      <c r="E1399" s="16"/>
      <c r="G1399" s="14"/>
      <c r="H1399" s="3"/>
      <c r="I1399" s="3"/>
      <c r="J1399" s="3"/>
      <c r="K1399" s="3"/>
    </row>
    <row r="1400" spans="2:11" ht="18" hidden="1" customHeight="1" x14ac:dyDescent="0.4">
      <c r="B1400" s="10"/>
      <c r="C1400" s="18"/>
      <c r="D1400" s="17" t="e">
        <f>VLOOKUP(C1400,[1]分類番号!$A$4:$B$1149,2,0)</f>
        <v>#N/A</v>
      </c>
      <c r="E1400" s="16"/>
      <c r="G1400" s="14"/>
      <c r="H1400" s="3"/>
      <c r="I1400" s="3"/>
      <c r="J1400" s="3"/>
      <c r="K1400" s="3"/>
    </row>
    <row r="1401" spans="2:11" ht="18" hidden="1" customHeight="1" x14ac:dyDescent="0.4">
      <c r="B1401" s="10"/>
      <c r="C1401" s="18"/>
      <c r="D1401" s="17" t="e">
        <f>VLOOKUP(C1401,[1]分類番号!$A$4:$B$1149,2,0)</f>
        <v>#N/A</v>
      </c>
      <c r="E1401" s="16"/>
      <c r="G1401" s="14"/>
      <c r="H1401" s="3"/>
      <c r="I1401" s="3"/>
      <c r="J1401" s="3"/>
      <c r="K1401" s="3"/>
    </row>
    <row r="1402" spans="2:11" ht="18" hidden="1" customHeight="1" x14ac:dyDescent="0.4">
      <c r="B1402" s="10"/>
      <c r="C1402" s="18"/>
      <c r="D1402" s="17" t="e">
        <f>VLOOKUP(C1402,[1]分類番号!$A$4:$B$1149,2,0)</f>
        <v>#N/A</v>
      </c>
      <c r="E1402" s="16"/>
      <c r="G1402" s="14"/>
      <c r="H1402" s="3"/>
      <c r="I1402" s="3"/>
      <c r="J1402" s="3"/>
      <c r="K1402" s="3"/>
    </row>
    <row r="1403" spans="2:11" ht="18" hidden="1" customHeight="1" x14ac:dyDescent="0.4">
      <c r="B1403" s="10"/>
      <c r="C1403" s="18"/>
      <c r="D1403" s="17" t="e">
        <f>VLOOKUP(C1403,[1]分類番号!$A$4:$B$1149,2,0)</f>
        <v>#N/A</v>
      </c>
      <c r="E1403" s="16"/>
      <c r="G1403" s="14"/>
      <c r="H1403" s="3"/>
      <c r="I1403" s="3"/>
      <c r="J1403" s="3"/>
      <c r="K1403" s="3"/>
    </row>
    <row r="1404" spans="2:11" ht="18" hidden="1" customHeight="1" x14ac:dyDescent="0.4">
      <c r="B1404" s="10"/>
      <c r="C1404" s="18"/>
      <c r="D1404" s="17" t="e">
        <f>VLOOKUP(C1404,[1]分類番号!$A$4:$B$1149,2,0)</f>
        <v>#N/A</v>
      </c>
      <c r="E1404" s="16"/>
      <c r="G1404" s="14"/>
      <c r="H1404" s="3"/>
      <c r="I1404" s="3"/>
      <c r="J1404" s="3"/>
      <c r="K1404" s="3"/>
    </row>
    <row r="1405" spans="2:11" ht="18" hidden="1" customHeight="1" x14ac:dyDescent="0.4">
      <c r="B1405" s="10"/>
      <c r="C1405" s="18"/>
      <c r="D1405" s="17" t="e">
        <f>VLOOKUP(C1405,[1]分類番号!$A$4:$B$1149,2,0)</f>
        <v>#N/A</v>
      </c>
      <c r="E1405" s="16"/>
      <c r="G1405" s="14"/>
      <c r="H1405" s="3"/>
      <c r="I1405" s="3"/>
      <c r="J1405" s="3"/>
      <c r="K1405" s="3"/>
    </row>
    <row r="1406" spans="2:11" ht="18" hidden="1" customHeight="1" x14ac:dyDescent="0.4">
      <c r="B1406" s="10"/>
      <c r="C1406" s="18"/>
      <c r="D1406" s="17" t="e">
        <f>VLOOKUP(C1406,[1]分類番号!$A$4:$B$1149,2,0)</f>
        <v>#N/A</v>
      </c>
      <c r="E1406" s="16"/>
      <c r="G1406" s="14"/>
      <c r="H1406" s="3"/>
      <c r="I1406" s="3"/>
      <c r="J1406" s="3"/>
      <c r="K1406" s="3"/>
    </row>
    <row r="1407" spans="2:11" ht="18" hidden="1" customHeight="1" x14ac:dyDescent="0.4">
      <c r="B1407" s="10"/>
      <c r="C1407" s="18"/>
      <c r="D1407" s="17" t="e">
        <f>VLOOKUP(C1407,[1]分類番号!$A$4:$B$1149,2,0)</f>
        <v>#N/A</v>
      </c>
      <c r="E1407" s="16"/>
      <c r="G1407" s="14"/>
      <c r="H1407" s="3"/>
      <c r="I1407" s="3"/>
      <c r="J1407" s="3"/>
      <c r="K1407" s="3"/>
    </row>
    <row r="1408" spans="2:11" ht="18" hidden="1" customHeight="1" x14ac:dyDescent="0.4">
      <c r="B1408" s="10"/>
      <c r="C1408" s="18"/>
      <c r="D1408" s="17" t="e">
        <f>VLOOKUP(C1408,[1]分類番号!$A$4:$B$1149,2,0)</f>
        <v>#N/A</v>
      </c>
      <c r="E1408" s="16"/>
      <c r="G1408" s="14"/>
      <c r="H1408" s="3"/>
      <c r="I1408" s="3"/>
      <c r="J1408" s="3"/>
      <c r="K1408" s="3"/>
    </row>
    <row r="1409" spans="2:11" ht="18" hidden="1" customHeight="1" x14ac:dyDescent="0.4">
      <c r="B1409" s="10"/>
      <c r="C1409" s="18"/>
      <c r="D1409" s="17" t="e">
        <f>VLOOKUP(C1409,[1]分類番号!$A$4:$B$1149,2,0)</f>
        <v>#N/A</v>
      </c>
      <c r="E1409" s="16"/>
      <c r="G1409" s="14"/>
      <c r="H1409" s="3"/>
      <c r="I1409" s="3"/>
      <c r="J1409" s="3"/>
      <c r="K1409" s="3"/>
    </row>
    <row r="1410" spans="2:11" ht="18" hidden="1" customHeight="1" x14ac:dyDescent="0.4">
      <c r="B1410" s="10"/>
      <c r="C1410" s="18"/>
      <c r="D1410" s="17" t="e">
        <f>VLOOKUP(C1410,[1]分類番号!$A$4:$B$1149,2,0)</f>
        <v>#N/A</v>
      </c>
      <c r="E1410" s="16"/>
      <c r="G1410" s="14"/>
      <c r="H1410" s="3"/>
      <c r="I1410" s="3"/>
      <c r="J1410" s="3"/>
      <c r="K1410" s="3"/>
    </row>
    <row r="1411" spans="2:11" ht="18" hidden="1" customHeight="1" x14ac:dyDescent="0.4">
      <c r="B1411" s="10"/>
      <c r="C1411" s="18"/>
      <c r="D1411" s="17" t="e">
        <f>VLOOKUP(C1411,[1]分類番号!$A$4:$B$1149,2,0)</f>
        <v>#N/A</v>
      </c>
      <c r="E1411" s="16"/>
      <c r="G1411" s="14"/>
      <c r="H1411" s="3"/>
      <c r="I1411" s="3"/>
      <c r="J1411" s="3"/>
      <c r="K1411" s="3"/>
    </row>
    <row r="1412" spans="2:11" ht="18" hidden="1" customHeight="1" x14ac:dyDescent="0.4">
      <c r="B1412" s="10"/>
      <c r="C1412" s="18"/>
      <c r="D1412" s="17" t="e">
        <f>VLOOKUP(C1412,[1]分類番号!$A$4:$B$1149,2,0)</f>
        <v>#N/A</v>
      </c>
      <c r="E1412" s="16"/>
      <c r="G1412" s="14"/>
      <c r="H1412" s="3"/>
      <c r="I1412" s="3"/>
      <c r="J1412" s="3"/>
      <c r="K1412" s="3"/>
    </row>
    <row r="1413" spans="2:11" ht="18" hidden="1" customHeight="1" x14ac:dyDescent="0.4">
      <c r="B1413" s="10"/>
      <c r="C1413" s="18"/>
      <c r="D1413" s="17" t="e">
        <f>VLOOKUP(C1413,[1]分類番号!$A$4:$B$1149,2,0)</f>
        <v>#N/A</v>
      </c>
      <c r="E1413" s="16"/>
      <c r="G1413" s="14"/>
      <c r="H1413" s="3"/>
      <c r="I1413" s="3"/>
      <c r="J1413" s="3"/>
      <c r="K1413" s="3"/>
    </row>
    <row r="1414" spans="2:11" ht="18" hidden="1" customHeight="1" x14ac:dyDescent="0.4">
      <c r="B1414" s="10"/>
      <c r="C1414" s="18"/>
      <c r="D1414" s="17" t="e">
        <f>VLOOKUP(C1414,[1]分類番号!$A$4:$B$1149,2,0)</f>
        <v>#N/A</v>
      </c>
      <c r="E1414" s="16"/>
      <c r="G1414" s="14"/>
      <c r="H1414" s="3"/>
      <c r="I1414" s="3"/>
      <c r="J1414" s="3"/>
      <c r="K1414" s="3"/>
    </row>
    <row r="1415" spans="2:11" ht="18" hidden="1" customHeight="1" x14ac:dyDescent="0.4">
      <c r="B1415" s="10"/>
      <c r="C1415" s="18"/>
      <c r="D1415" s="17" t="e">
        <f>VLOOKUP(C1415,[1]分類番号!$A$4:$B$1149,2,0)</f>
        <v>#N/A</v>
      </c>
      <c r="E1415" s="16"/>
      <c r="G1415" s="14"/>
      <c r="H1415" s="3"/>
      <c r="I1415" s="3"/>
      <c r="J1415" s="3"/>
      <c r="K1415" s="3"/>
    </row>
    <row r="1416" spans="2:11" ht="18" hidden="1" customHeight="1" x14ac:dyDescent="0.4">
      <c r="B1416" s="10"/>
      <c r="C1416" s="18"/>
      <c r="D1416" s="17" t="e">
        <f>VLOOKUP(C1416,[1]分類番号!$A$4:$B$1149,2,0)</f>
        <v>#N/A</v>
      </c>
      <c r="E1416" s="16"/>
      <c r="G1416" s="14"/>
      <c r="H1416" s="3"/>
      <c r="I1416" s="3"/>
      <c r="J1416" s="3"/>
      <c r="K1416" s="3"/>
    </row>
    <row r="1417" spans="2:11" ht="18" hidden="1" customHeight="1" x14ac:dyDescent="0.4">
      <c r="B1417" s="10"/>
      <c r="C1417" s="18"/>
      <c r="D1417" s="17" t="e">
        <f>VLOOKUP(C1417,[1]分類番号!$A$4:$B$1149,2,0)</f>
        <v>#N/A</v>
      </c>
      <c r="E1417" s="16"/>
      <c r="G1417" s="14"/>
      <c r="H1417" s="3"/>
      <c r="I1417" s="3"/>
      <c r="J1417" s="3"/>
      <c r="K1417" s="3"/>
    </row>
    <row r="1418" spans="2:11" ht="18" hidden="1" customHeight="1" x14ac:dyDescent="0.4">
      <c r="B1418" s="10"/>
      <c r="C1418" s="18"/>
      <c r="D1418" s="17" t="e">
        <f>VLOOKUP(C1418,[1]分類番号!$A$4:$B$1149,2,0)</f>
        <v>#N/A</v>
      </c>
      <c r="E1418" s="16"/>
      <c r="G1418" s="14"/>
      <c r="H1418" s="3"/>
      <c r="I1418" s="3"/>
      <c r="J1418" s="3"/>
      <c r="K1418" s="3"/>
    </row>
    <row r="1419" spans="2:11" ht="18" hidden="1" customHeight="1" x14ac:dyDescent="0.4">
      <c r="B1419" s="10"/>
      <c r="C1419" s="18"/>
      <c r="D1419" s="17" t="e">
        <f>VLOOKUP(C1419,[1]分類番号!$A$4:$B$1149,2,0)</f>
        <v>#N/A</v>
      </c>
      <c r="E1419" s="16"/>
      <c r="G1419" s="14"/>
      <c r="H1419" s="3"/>
      <c r="I1419" s="3"/>
      <c r="J1419" s="3"/>
      <c r="K1419" s="3"/>
    </row>
    <row r="1420" spans="2:11" ht="18" hidden="1" customHeight="1" x14ac:dyDescent="0.4">
      <c r="B1420" s="10"/>
      <c r="C1420" s="18"/>
      <c r="D1420" s="17" t="e">
        <f>VLOOKUP(C1420,[1]分類番号!$A$4:$B$1149,2,0)</f>
        <v>#N/A</v>
      </c>
      <c r="E1420" s="16"/>
      <c r="G1420" s="14"/>
      <c r="H1420" s="3"/>
      <c r="I1420" s="3"/>
      <c r="J1420" s="3"/>
      <c r="K1420" s="3"/>
    </row>
    <row r="1421" spans="2:11" ht="18" hidden="1" customHeight="1" x14ac:dyDescent="0.4">
      <c r="B1421" s="10"/>
      <c r="C1421" s="18"/>
      <c r="D1421" s="17" t="e">
        <f>VLOOKUP(C1421,[1]分類番号!$A$4:$B$1149,2,0)</f>
        <v>#N/A</v>
      </c>
      <c r="E1421" s="16"/>
      <c r="G1421" s="14"/>
      <c r="H1421" s="3"/>
      <c r="I1421" s="3"/>
      <c r="J1421" s="3"/>
      <c r="K1421" s="3"/>
    </row>
    <row r="1422" spans="2:11" ht="18" hidden="1" customHeight="1" x14ac:dyDescent="0.4">
      <c r="B1422" s="10"/>
      <c r="C1422" s="18"/>
      <c r="D1422" s="17" t="e">
        <f>VLOOKUP(C1422,[1]分類番号!$A$4:$B$1149,2,0)</f>
        <v>#N/A</v>
      </c>
      <c r="E1422" s="16"/>
      <c r="G1422" s="14"/>
      <c r="H1422" s="3"/>
      <c r="I1422" s="3"/>
      <c r="J1422" s="3"/>
      <c r="K1422" s="3"/>
    </row>
    <row r="1423" spans="2:11" ht="18" hidden="1" customHeight="1" x14ac:dyDescent="0.4">
      <c r="B1423" s="10"/>
      <c r="C1423" s="18"/>
      <c r="D1423" s="17" t="e">
        <f>VLOOKUP(C1423,[1]分類番号!$A$4:$B$1149,2,0)</f>
        <v>#N/A</v>
      </c>
      <c r="E1423" s="16"/>
      <c r="G1423" s="14"/>
      <c r="H1423" s="3"/>
      <c r="I1423" s="3"/>
      <c r="J1423" s="3"/>
      <c r="K1423" s="3"/>
    </row>
    <row r="1424" spans="2:11" ht="18" hidden="1" customHeight="1" x14ac:dyDescent="0.4">
      <c r="B1424" s="10"/>
      <c r="C1424" s="18"/>
      <c r="D1424" s="17" t="e">
        <f>VLOOKUP(C1424,[1]分類番号!$A$4:$B$1149,2,0)</f>
        <v>#N/A</v>
      </c>
      <c r="E1424" s="16"/>
      <c r="G1424" s="14"/>
      <c r="H1424" s="3"/>
      <c r="I1424" s="3"/>
      <c r="J1424" s="3"/>
      <c r="K1424" s="3"/>
    </row>
    <row r="1425" spans="2:11" ht="18" hidden="1" customHeight="1" x14ac:dyDescent="0.4">
      <c r="B1425" s="10"/>
      <c r="C1425" s="18"/>
      <c r="D1425" s="17" t="e">
        <f>VLOOKUP(C1425,[1]分類番号!$A$4:$B$1149,2,0)</f>
        <v>#N/A</v>
      </c>
      <c r="E1425" s="16"/>
      <c r="G1425" s="14"/>
      <c r="H1425" s="3"/>
      <c r="I1425" s="3"/>
      <c r="J1425" s="3"/>
      <c r="K1425" s="3"/>
    </row>
    <row r="1426" spans="2:11" ht="18" hidden="1" customHeight="1" x14ac:dyDescent="0.4">
      <c r="B1426" s="10"/>
      <c r="C1426" s="18"/>
      <c r="D1426" s="17" t="e">
        <f>VLOOKUP(C1426,[1]分類番号!$A$4:$B$1149,2,0)</f>
        <v>#N/A</v>
      </c>
      <c r="E1426" s="16"/>
      <c r="G1426" s="14"/>
      <c r="H1426" s="3"/>
      <c r="I1426" s="3"/>
      <c r="J1426" s="3"/>
      <c r="K1426" s="3"/>
    </row>
    <row r="1427" spans="2:11" ht="18" hidden="1" customHeight="1" x14ac:dyDescent="0.4">
      <c r="B1427" s="10"/>
      <c r="C1427" s="18"/>
      <c r="D1427" s="17" t="e">
        <f>VLOOKUP(C1427,[1]分類番号!$A$4:$B$1149,2,0)</f>
        <v>#N/A</v>
      </c>
      <c r="E1427" s="16"/>
      <c r="G1427" s="14"/>
      <c r="H1427" s="3"/>
      <c r="I1427" s="3"/>
      <c r="J1427" s="3"/>
      <c r="K1427" s="3"/>
    </row>
    <row r="1428" spans="2:11" ht="18" hidden="1" customHeight="1" x14ac:dyDescent="0.4">
      <c r="B1428" s="10"/>
      <c r="C1428" s="18"/>
      <c r="D1428" s="17" t="e">
        <f>VLOOKUP(C1428,[1]分類番号!$A$4:$B$1149,2,0)</f>
        <v>#N/A</v>
      </c>
      <c r="E1428" s="16"/>
      <c r="G1428" s="14"/>
      <c r="H1428" s="3"/>
      <c r="I1428" s="3"/>
      <c r="J1428" s="3"/>
      <c r="K1428" s="3"/>
    </row>
    <row r="1429" spans="2:11" ht="18" hidden="1" customHeight="1" x14ac:dyDescent="0.4">
      <c r="B1429" s="10"/>
      <c r="C1429" s="18"/>
      <c r="D1429" s="17" t="e">
        <f>VLOOKUP(C1429,[1]分類番号!$A$4:$B$1149,2,0)</f>
        <v>#N/A</v>
      </c>
      <c r="E1429" s="16"/>
      <c r="G1429" s="14"/>
      <c r="H1429" s="3"/>
      <c r="I1429" s="3"/>
      <c r="J1429" s="3"/>
      <c r="K1429" s="3"/>
    </row>
    <row r="1430" spans="2:11" ht="18" hidden="1" customHeight="1" x14ac:dyDescent="0.4">
      <c r="B1430" s="10"/>
      <c r="C1430" s="18"/>
      <c r="D1430" s="17" t="e">
        <f>VLOOKUP(C1430,[1]分類番号!$A$4:$B$1149,2,0)</f>
        <v>#N/A</v>
      </c>
      <c r="E1430" s="16"/>
      <c r="G1430" s="14"/>
      <c r="H1430" s="3"/>
      <c r="I1430" s="3"/>
      <c r="J1430" s="3"/>
      <c r="K1430" s="3"/>
    </row>
    <row r="1431" spans="2:11" ht="18" hidden="1" customHeight="1" x14ac:dyDescent="0.4">
      <c r="B1431" s="10"/>
      <c r="C1431" s="18"/>
      <c r="D1431" s="17" t="e">
        <f>VLOOKUP(C1431,[1]分類番号!$A$4:$B$1149,2,0)</f>
        <v>#N/A</v>
      </c>
      <c r="E1431" s="16"/>
      <c r="G1431" s="14"/>
      <c r="H1431" s="3"/>
      <c r="I1431" s="3"/>
      <c r="J1431" s="3"/>
      <c r="K1431" s="3"/>
    </row>
    <row r="1432" spans="2:11" ht="18" hidden="1" customHeight="1" x14ac:dyDescent="0.4">
      <c r="B1432" s="10"/>
      <c r="C1432" s="18"/>
      <c r="D1432" s="17" t="e">
        <f>VLOOKUP(C1432,[1]分類番号!$A$4:$B$1149,2,0)</f>
        <v>#N/A</v>
      </c>
      <c r="E1432" s="16"/>
      <c r="G1432" s="14"/>
      <c r="H1432" s="3"/>
      <c r="I1432" s="3"/>
      <c r="J1432" s="3"/>
      <c r="K1432" s="3"/>
    </row>
    <row r="1433" spans="2:11" ht="18" hidden="1" customHeight="1" x14ac:dyDescent="0.4">
      <c r="B1433" s="10"/>
      <c r="C1433" s="18"/>
      <c r="D1433" s="17" t="e">
        <f>VLOOKUP(C1433,[1]分類番号!$A$4:$B$1149,2,0)</f>
        <v>#N/A</v>
      </c>
      <c r="E1433" s="16"/>
      <c r="G1433" s="14"/>
      <c r="H1433" s="3"/>
      <c r="I1433" s="3"/>
      <c r="J1433" s="3"/>
      <c r="K1433" s="3"/>
    </row>
    <row r="1434" spans="2:11" ht="18" hidden="1" customHeight="1" x14ac:dyDescent="0.4">
      <c r="B1434" s="10"/>
      <c r="C1434" s="18"/>
      <c r="D1434" s="17" t="e">
        <f>VLOOKUP(C1434,[1]分類番号!$A$4:$B$1149,2,0)</f>
        <v>#N/A</v>
      </c>
      <c r="E1434" s="16"/>
      <c r="G1434" s="14"/>
      <c r="H1434" s="3"/>
      <c r="I1434" s="3"/>
      <c r="J1434" s="3"/>
      <c r="K1434" s="3"/>
    </row>
    <row r="1435" spans="2:11" ht="18" hidden="1" customHeight="1" x14ac:dyDescent="0.4">
      <c r="B1435" s="10"/>
      <c r="C1435" s="18"/>
      <c r="D1435" s="17" t="e">
        <f>VLOOKUP(C1435,[1]分類番号!$A$4:$B$1149,2,0)</f>
        <v>#N/A</v>
      </c>
      <c r="E1435" s="16"/>
      <c r="G1435" s="14"/>
      <c r="H1435" s="3"/>
      <c r="I1435" s="3"/>
      <c r="J1435" s="3"/>
      <c r="K1435" s="3"/>
    </row>
    <row r="1436" spans="2:11" ht="18" hidden="1" customHeight="1" x14ac:dyDescent="0.4">
      <c r="B1436" s="10"/>
      <c r="C1436" s="18"/>
      <c r="D1436" s="17" t="e">
        <f>VLOOKUP(C1436,[1]分類番号!$A$4:$B$1149,2,0)</f>
        <v>#N/A</v>
      </c>
      <c r="E1436" s="16"/>
      <c r="G1436" s="14"/>
      <c r="H1436" s="3"/>
      <c r="I1436" s="3"/>
      <c r="J1436" s="3"/>
      <c r="K1436" s="3"/>
    </row>
    <row r="1437" spans="2:11" ht="18" hidden="1" customHeight="1" x14ac:dyDescent="0.4">
      <c r="B1437" s="10"/>
      <c r="C1437" s="18"/>
      <c r="D1437" s="17" t="e">
        <f>VLOOKUP(C1437,[1]分類番号!$A$4:$B$1149,2,0)</f>
        <v>#N/A</v>
      </c>
      <c r="E1437" s="16"/>
      <c r="G1437" s="14"/>
      <c r="H1437" s="3"/>
      <c r="I1437" s="3"/>
      <c r="J1437" s="3"/>
      <c r="K1437" s="3"/>
    </row>
    <row r="1438" spans="2:11" ht="18" hidden="1" customHeight="1" x14ac:dyDescent="0.4">
      <c r="B1438" s="10"/>
      <c r="C1438" s="18"/>
      <c r="D1438" s="17" t="e">
        <f>VLOOKUP(C1438,[1]分類番号!$A$4:$B$1149,2,0)</f>
        <v>#N/A</v>
      </c>
      <c r="E1438" s="16"/>
      <c r="G1438" s="14"/>
      <c r="H1438" s="3"/>
      <c r="I1438" s="3"/>
      <c r="J1438" s="3"/>
      <c r="K1438" s="3"/>
    </row>
    <row r="1439" spans="2:11" ht="18" hidden="1" customHeight="1" x14ac:dyDescent="0.4">
      <c r="B1439" s="10"/>
      <c r="C1439" s="18"/>
      <c r="D1439" s="17" t="e">
        <f>VLOOKUP(C1439,[1]分類番号!$A$4:$B$1149,2,0)</f>
        <v>#N/A</v>
      </c>
      <c r="E1439" s="16"/>
      <c r="G1439" s="14"/>
      <c r="H1439" s="3"/>
      <c r="I1439" s="3"/>
      <c r="J1439" s="3"/>
      <c r="K1439" s="3"/>
    </row>
    <row r="1440" spans="2:11" ht="18" hidden="1" customHeight="1" x14ac:dyDescent="0.4">
      <c r="B1440" s="10"/>
      <c r="C1440" s="18"/>
      <c r="D1440" s="17" t="e">
        <f>VLOOKUP(C1440,[1]分類番号!$A$4:$B$1149,2,0)</f>
        <v>#N/A</v>
      </c>
      <c r="E1440" s="16"/>
      <c r="G1440" s="14"/>
      <c r="H1440" s="3"/>
      <c r="I1440" s="3"/>
      <c r="J1440" s="3"/>
      <c r="K1440" s="3"/>
    </row>
    <row r="1441" spans="2:11" ht="18" hidden="1" customHeight="1" x14ac:dyDescent="0.4">
      <c r="B1441" s="10"/>
      <c r="C1441" s="18"/>
      <c r="D1441" s="17" t="e">
        <f>VLOOKUP(C1441,[1]分類番号!$A$4:$B$1149,2,0)</f>
        <v>#N/A</v>
      </c>
      <c r="E1441" s="16"/>
      <c r="G1441" s="14"/>
      <c r="H1441" s="3"/>
      <c r="I1441" s="3"/>
      <c r="J1441" s="3"/>
      <c r="K1441" s="3"/>
    </row>
    <row r="1442" spans="2:11" ht="18" hidden="1" customHeight="1" x14ac:dyDescent="0.4">
      <c r="B1442" s="10"/>
      <c r="C1442" s="18"/>
      <c r="D1442" s="17" t="e">
        <f>VLOOKUP(C1442,[1]分類番号!$A$4:$B$1149,2,0)</f>
        <v>#N/A</v>
      </c>
      <c r="E1442" s="16"/>
      <c r="G1442" s="14"/>
      <c r="H1442" s="3"/>
      <c r="I1442" s="3"/>
      <c r="J1442" s="3"/>
      <c r="K1442" s="3"/>
    </row>
    <row r="1443" spans="2:11" ht="18" hidden="1" customHeight="1" x14ac:dyDescent="0.4">
      <c r="B1443" s="10"/>
      <c r="C1443" s="18"/>
      <c r="D1443" s="17" t="e">
        <f>VLOOKUP(C1443,[1]分類番号!$A$4:$B$1149,2,0)</f>
        <v>#N/A</v>
      </c>
      <c r="E1443" s="16"/>
      <c r="G1443" s="14"/>
      <c r="H1443" s="3"/>
      <c r="I1443" s="3"/>
      <c r="J1443" s="3"/>
      <c r="K1443" s="3"/>
    </row>
    <row r="1444" spans="2:11" ht="18" hidden="1" customHeight="1" x14ac:dyDescent="0.4">
      <c r="B1444" s="10"/>
      <c r="C1444" s="18"/>
      <c r="D1444" s="17" t="e">
        <f>VLOOKUP(C1444,[1]分類番号!$A$4:$B$1149,2,0)</f>
        <v>#N/A</v>
      </c>
      <c r="E1444" s="16"/>
      <c r="G1444" s="14"/>
      <c r="H1444" s="3"/>
      <c r="I1444" s="3"/>
      <c r="J1444" s="3"/>
      <c r="K1444" s="3"/>
    </row>
    <row r="1445" spans="2:11" ht="18" hidden="1" customHeight="1" x14ac:dyDescent="0.4">
      <c r="B1445" s="10"/>
      <c r="C1445" s="18"/>
      <c r="D1445" s="17" t="e">
        <f>VLOOKUP(C1445,[1]分類番号!$A$4:$B$1149,2,0)</f>
        <v>#N/A</v>
      </c>
      <c r="E1445" s="16"/>
      <c r="G1445" s="14"/>
      <c r="H1445" s="3"/>
      <c r="I1445" s="3"/>
      <c r="J1445" s="3"/>
      <c r="K1445" s="3"/>
    </row>
    <row r="1446" spans="2:11" ht="18" hidden="1" customHeight="1" x14ac:dyDescent="0.4">
      <c r="B1446" s="10"/>
      <c r="C1446" s="18"/>
      <c r="D1446" s="17" t="e">
        <f>VLOOKUP(C1446,[1]分類番号!$A$4:$B$1149,2,0)</f>
        <v>#N/A</v>
      </c>
      <c r="E1446" s="16"/>
      <c r="G1446" s="14"/>
      <c r="H1446" s="3"/>
      <c r="I1446" s="3"/>
      <c r="J1446" s="3"/>
      <c r="K1446" s="3"/>
    </row>
    <row r="1447" spans="2:11" ht="18" hidden="1" customHeight="1" x14ac:dyDescent="0.4">
      <c r="B1447" s="10"/>
      <c r="C1447" s="18"/>
      <c r="D1447" s="17" t="e">
        <f>VLOOKUP(C1447,[1]分類番号!$A$4:$B$1149,2,0)</f>
        <v>#N/A</v>
      </c>
      <c r="E1447" s="16"/>
      <c r="G1447" s="14"/>
      <c r="H1447" s="3"/>
      <c r="I1447" s="3"/>
      <c r="J1447" s="3"/>
      <c r="K1447" s="3"/>
    </row>
    <row r="1448" spans="2:11" ht="18" hidden="1" customHeight="1" x14ac:dyDescent="0.4">
      <c r="B1448" s="10"/>
      <c r="C1448" s="18"/>
      <c r="D1448" s="17" t="e">
        <f>VLOOKUP(C1448,[1]分類番号!$A$4:$B$1149,2,0)</f>
        <v>#N/A</v>
      </c>
      <c r="E1448" s="16"/>
      <c r="G1448" s="14"/>
      <c r="H1448" s="3"/>
      <c r="I1448" s="3"/>
      <c r="J1448" s="3"/>
      <c r="K1448" s="3"/>
    </row>
    <row r="1449" spans="2:11" ht="18" hidden="1" customHeight="1" x14ac:dyDescent="0.4">
      <c r="B1449" s="10"/>
      <c r="C1449" s="18"/>
      <c r="D1449" s="17" t="e">
        <f>VLOOKUP(C1449,[1]分類番号!$A$4:$B$1149,2,0)</f>
        <v>#N/A</v>
      </c>
      <c r="E1449" s="16"/>
      <c r="G1449" s="14"/>
      <c r="H1449" s="3"/>
      <c r="I1449" s="3"/>
      <c r="J1449" s="3"/>
      <c r="K1449" s="3"/>
    </row>
    <row r="1450" spans="2:11" ht="18" hidden="1" customHeight="1" x14ac:dyDescent="0.4">
      <c r="B1450" s="10"/>
      <c r="C1450" s="18"/>
      <c r="D1450" s="17" t="e">
        <f>VLOOKUP(C1450,[1]分類番号!$A$4:$B$1149,2,0)</f>
        <v>#N/A</v>
      </c>
      <c r="E1450" s="16"/>
      <c r="G1450" s="14"/>
      <c r="H1450" s="3"/>
      <c r="I1450" s="3"/>
      <c r="J1450" s="3"/>
      <c r="K1450" s="3"/>
    </row>
    <row r="1451" spans="2:11" ht="18" hidden="1" customHeight="1" x14ac:dyDescent="0.4">
      <c r="B1451" s="10"/>
      <c r="C1451" s="18"/>
      <c r="D1451" s="17" t="e">
        <f>VLOOKUP(C1451,[1]分類番号!$A$4:$B$1149,2,0)</f>
        <v>#N/A</v>
      </c>
      <c r="E1451" s="16"/>
      <c r="G1451" s="14"/>
      <c r="H1451" s="3"/>
      <c r="I1451" s="3"/>
      <c r="J1451" s="3"/>
      <c r="K1451" s="3"/>
    </row>
    <row r="1452" spans="2:11" ht="18" hidden="1" customHeight="1" x14ac:dyDescent="0.4">
      <c r="B1452" s="10"/>
      <c r="C1452" s="18"/>
      <c r="D1452" s="17" t="e">
        <f>VLOOKUP(C1452,[1]分類番号!$A$4:$B$1149,2,0)</f>
        <v>#N/A</v>
      </c>
      <c r="E1452" s="16"/>
      <c r="G1452" s="14"/>
      <c r="H1452" s="3"/>
      <c r="I1452" s="3"/>
      <c r="J1452" s="3"/>
      <c r="K1452" s="3"/>
    </row>
    <row r="1453" spans="2:11" ht="18" hidden="1" customHeight="1" x14ac:dyDescent="0.4">
      <c r="B1453" s="10"/>
      <c r="C1453" s="18"/>
      <c r="D1453" s="17" t="e">
        <f>VLOOKUP(C1453,[1]分類番号!$A$4:$B$1149,2,0)</f>
        <v>#N/A</v>
      </c>
      <c r="E1453" s="16"/>
      <c r="G1453" s="14"/>
      <c r="H1453" s="3"/>
      <c r="I1453" s="3"/>
      <c r="J1453" s="3"/>
      <c r="K1453" s="3"/>
    </row>
    <row r="1454" spans="2:11" ht="18" hidden="1" customHeight="1" x14ac:dyDescent="0.4">
      <c r="B1454" s="10"/>
      <c r="C1454" s="18"/>
      <c r="D1454" s="17" t="e">
        <f>VLOOKUP(C1454,[1]分類番号!$A$4:$B$1149,2,0)</f>
        <v>#N/A</v>
      </c>
      <c r="E1454" s="16"/>
      <c r="G1454" s="14"/>
      <c r="H1454" s="3"/>
      <c r="I1454" s="3"/>
      <c r="J1454" s="3"/>
      <c r="K1454" s="3"/>
    </row>
    <row r="1455" spans="2:11" ht="18" hidden="1" customHeight="1" x14ac:dyDescent="0.4">
      <c r="B1455" s="10"/>
      <c r="C1455" s="18"/>
      <c r="D1455" s="17" t="e">
        <f>VLOOKUP(C1455,[1]分類番号!$A$4:$B$1149,2,0)</f>
        <v>#N/A</v>
      </c>
      <c r="E1455" s="16"/>
      <c r="G1455" s="14"/>
      <c r="H1455" s="3"/>
      <c r="I1455" s="3"/>
      <c r="J1455" s="3"/>
      <c r="K1455" s="3"/>
    </row>
    <row r="1456" spans="2:11" ht="18" hidden="1" customHeight="1" x14ac:dyDescent="0.4">
      <c r="B1456" s="10"/>
      <c r="C1456" s="18"/>
      <c r="D1456" s="17" t="e">
        <f>VLOOKUP(C1456,[1]分類番号!$A$4:$B$1149,2,0)</f>
        <v>#N/A</v>
      </c>
      <c r="E1456" s="16"/>
      <c r="G1456" s="14"/>
      <c r="H1456" s="3"/>
      <c r="I1456" s="3"/>
      <c r="J1456" s="3"/>
      <c r="K1456" s="3"/>
    </row>
    <row r="1457" spans="2:11" ht="18" hidden="1" customHeight="1" x14ac:dyDescent="0.4">
      <c r="B1457" s="10"/>
      <c r="C1457" s="18"/>
      <c r="D1457" s="17" t="e">
        <f>VLOOKUP(C1457,[1]分類番号!$A$4:$B$1149,2,0)</f>
        <v>#N/A</v>
      </c>
      <c r="E1457" s="16"/>
      <c r="G1457" s="14"/>
      <c r="H1457" s="3"/>
      <c r="I1457" s="3"/>
      <c r="J1457" s="3"/>
      <c r="K1457" s="3"/>
    </row>
    <row r="1458" spans="2:11" ht="18" hidden="1" customHeight="1" x14ac:dyDescent="0.4">
      <c r="B1458" s="10"/>
      <c r="C1458" s="18"/>
      <c r="D1458" s="17" t="e">
        <f>VLOOKUP(C1458,[1]分類番号!$A$4:$B$1149,2,0)</f>
        <v>#N/A</v>
      </c>
      <c r="E1458" s="16"/>
      <c r="G1458" s="14"/>
      <c r="H1458" s="3"/>
      <c r="I1458" s="3"/>
      <c r="J1458" s="3"/>
      <c r="K1458" s="3"/>
    </row>
    <row r="1459" spans="2:11" ht="18" hidden="1" customHeight="1" x14ac:dyDescent="0.4">
      <c r="B1459" s="10"/>
      <c r="C1459" s="18"/>
      <c r="D1459" s="17" t="e">
        <f>VLOOKUP(C1459,[1]分類番号!$A$4:$B$1149,2,0)</f>
        <v>#N/A</v>
      </c>
      <c r="E1459" s="16"/>
      <c r="G1459" s="14"/>
      <c r="H1459" s="3"/>
      <c r="I1459" s="3"/>
      <c r="J1459" s="3"/>
      <c r="K1459" s="3"/>
    </row>
    <row r="1460" spans="2:11" ht="18" hidden="1" customHeight="1" x14ac:dyDescent="0.4">
      <c r="B1460" s="10"/>
      <c r="C1460" s="18"/>
      <c r="D1460" s="17" t="e">
        <f>VLOOKUP(C1460,[1]分類番号!$A$4:$B$1149,2,0)</f>
        <v>#N/A</v>
      </c>
      <c r="E1460" s="16"/>
      <c r="G1460" s="14"/>
      <c r="H1460" s="3"/>
      <c r="I1460" s="3"/>
      <c r="J1460" s="3"/>
      <c r="K1460" s="3"/>
    </row>
    <row r="1461" spans="2:11" ht="19.5" hidden="1" thickBot="1" x14ac:dyDescent="0.45">
      <c r="B1461" s="10"/>
      <c r="C1461" s="18"/>
      <c r="D1461" s="17" t="e">
        <f>VLOOKUP(C1461,[1]分類番号!$A$4:$B$1149,2,0)</f>
        <v>#N/A</v>
      </c>
      <c r="E1461" s="16"/>
      <c r="G1461" s="14"/>
      <c r="H1461" s="3"/>
      <c r="I1461" s="3"/>
      <c r="J1461" s="3"/>
      <c r="K1461" s="3"/>
    </row>
    <row r="1462" spans="2:11" ht="18" hidden="1" customHeight="1" x14ac:dyDescent="0.4">
      <c r="B1462" s="10"/>
      <c r="C1462" s="18"/>
      <c r="D1462" s="17" t="e">
        <f>VLOOKUP(C1462,[1]分類番号!$A$4:$B$1149,2,0)</f>
        <v>#N/A</v>
      </c>
      <c r="E1462" s="16"/>
      <c r="G1462" s="14"/>
      <c r="H1462" s="3"/>
      <c r="I1462" s="3"/>
      <c r="J1462" s="3"/>
      <c r="K1462" s="3"/>
    </row>
    <row r="1463" spans="2:11" ht="19.5" hidden="1" thickBot="1" x14ac:dyDescent="0.45">
      <c r="B1463" s="10"/>
      <c r="C1463" s="18"/>
      <c r="D1463" s="17" t="e">
        <f>VLOOKUP(C1463,[1]分類番号!$A$4:$B$1149,2,0)</f>
        <v>#N/A</v>
      </c>
      <c r="E1463" s="16"/>
      <c r="G1463" s="14"/>
      <c r="H1463" s="3"/>
      <c r="I1463" s="3"/>
      <c r="J1463" s="3"/>
      <c r="K1463" s="3"/>
    </row>
    <row r="1464" spans="2:11" ht="18" hidden="1" customHeight="1" x14ac:dyDescent="0.4">
      <c r="B1464" s="10"/>
      <c r="C1464" s="18"/>
      <c r="D1464" s="17" t="e">
        <f>VLOOKUP(C1464,[1]分類番号!$A$4:$B$1149,2,0)</f>
        <v>#N/A</v>
      </c>
      <c r="E1464" s="16"/>
      <c r="G1464" s="14"/>
      <c r="H1464" s="4"/>
      <c r="I1464" s="4"/>
    </row>
    <row r="1465" spans="2:11" ht="18" hidden="1" customHeight="1" x14ac:dyDescent="0.4">
      <c r="B1465" s="10"/>
      <c r="C1465" s="18"/>
      <c r="D1465" s="17" t="e">
        <f>VLOOKUP(C1465,[1]分類番号!$A$4:$B$1149,2,0)</f>
        <v>#N/A</v>
      </c>
      <c r="E1465" s="16"/>
      <c r="G1465" s="14"/>
      <c r="H1465" s="4"/>
      <c r="I1465" s="4"/>
    </row>
    <row r="1466" spans="2:11" ht="18" hidden="1" customHeight="1" x14ac:dyDescent="0.4">
      <c r="B1466" s="10"/>
      <c r="C1466" s="18"/>
      <c r="D1466" s="17" t="e">
        <f>VLOOKUP(C1466,[1]分類番号!$A$4:$B$1149,2,0)</f>
        <v>#N/A</v>
      </c>
      <c r="E1466" s="16"/>
      <c r="G1466" s="14"/>
      <c r="H1466" s="4"/>
      <c r="I1466" s="4"/>
    </row>
    <row r="1467" spans="2:11" ht="18" hidden="1" customHeight="1" x14ac:dyDescent="0.4">
      <c r="B1467" s="10"/>
      <c r="C1467" s="18"/>
      <c r="D1467" s="17" t="e">
        <f>VLOOKUP(C1467,[1]分類番号!$A$4:$B$1149,2,0)</f>
        <v>#N/A</v>
      </c>
      <c r="E1467" s="16"/>
      <c r="G1467" s="14"/>
      <c r="H1467" s="4"/>
      <c r="I1467" s="4"/>
    </row>
    <row r="1468" spans="2:11" ht="18" hidden="1" customHeight="1" x14ac:dyDescent="0.4">
      <c r="B1468" s="10"/>
      <c r="C1468" s="18"/>
      <c r="D1468" s="17" t="e">
        <f>VLOOKUP(C1468,[1]分類番号!$A$4:$B$1149,2,0)</f>
        <v>#N/A</v>
      </c>
      <c r="E1468" s="16"/>
      <c r="G1468" s="14"/>
      <c r="H1468" s="4"/>
      <c r="I1468" s="4"/>
    </row>
    <row r="1469" spans="2:11" ht="18" hidden="1" customHeight="1" x14ac:dyDescent="0.4">
      <c r="B1469" s="10"/>
      <c r="C1469" s="18"/>
      <c r="D1469" s="17" t="e">
        <f>VLOOKUP(C1469,[1]分類番号!$A$4:$B$1149,2,0)</f>
        <v>#N/A</v>
      </c>
      <c r="E1469" s="16"/>
      <c r="G1469" s="14"/>
      <c r="H1469" s="4"/>
      <c r="I1469" s="4"/>
    </row>
    <row r="1470" spans="2:11" ht="18" hidden="1" customHeight="1" x14ac:dyDescent="0.4">
      <c r="B1470" s="10"/>
      <c r="C1470" s="18"/>
      <c r="D1470" s="17" t="e">
        <f>VLOOKUP(C1470,[1]分類番号!$A$4:$B$1149,2,0)</f>
        <v>#N/A</v>
      </c>
      <c r="E1470" s="16"/>
      <c r="G1470" s="14"/>
      <c r="H1470" s="4"/>
      <c r="I1470" s="4"/>
    </row>
    <row r="1471" spans="2:11" ht="18" hidden="1" customHeight="1" x14ac:dyDescent="0.4">
      <c r="B1471" s="10"/>
      <c r="C1471" s="18"/>
      <c r="D1471" s="17" t="e">
        <f>VLOOKUP(C1471,[1]分類番号!$A$4:$B$1149,2,0)</f>
        <v>#N/A</v>
      </c>
      <c r="E1471" s="16"/>
      <c r="G1471" s="14"/>
      <c r="H1471" s="4"/>
      <c r="I1471" s="4"/>
    </row>
    <row r="1472" spans="2:11" ht="18" hidden="1" customHeight="1" x14ac:dyDescent="0.4">
      <c r="B1472" s="10"/>
      <c r="C1472" s="18"/>
      <c r="D1472" s="17" t="e">
        <f>VLOOKUP(C1472,[1]分類番号!$A$4:$B$1149,2,0)</f>
        <v>#N/A</v>
      </c>
      <c r="E1472" s="16"/>
      <c r="G1472" s="14"/>
      <c r="H1472" s="4"/>
      <c r="I1472" s="4"/>
    </row>
    <row r="1473" spans="2:11" ht="18" hidden="1" customHeight="1" x14ac:dyDescent="0.4">
      <c r="B1473" s="10"/>
      <c r="C1473" s="18"/>
      <c r="D1473" s="17" t="e">
        <f>VLOOKUP(C1473,[1]分類番号!$A$4:$B$1149,2,0)</f>
        <v>#N/A</v>
      </c>
      <c r="E1473" s="16"/>
      <c r="G1473" s="14"/>
      <c r="H1473" s="4"/>
      <c r="I1473" s="4"/>
    </row>
    <row r="1474" spans="2:11" ht="18" hidden="1" customHeight="1" x14ac:dyDescent="0.4">
      <c r="B1474" s="10"/>
      <c r="C1474" s="18"/>
      <c r="D1474" s="17" t="e">
        <f>VLOOKUP(C1474,[1]分類番号!$A$4:$B$1149,2,0)</f>
        <v>#N/A</v>
      </c>
      <c r="E1474" s="16"/>
      <c r="G1474" s="14"/>
      <c r="H1474" s="4"/>
      <c r="I1474" s="4"/>
    </row>
    <row r="1475" spans="2:11" ht="18" hidden="1" customHeight="1" x14ac:dyDescent="0.4">
      <c r="B1475" s="10"/>
      <c r="C1475" s="18"/>
      <c r="D1475" s="17" t="e">
        <f>VLOOKUP(C1475,[1]分類番号!$A$4:$B$1149,2,0)</f>
        <v>#N/A</v>
      </c>
      <c r="E1475" s="16"/>
      <c r="G1475" s="14"/>
      <c r="H1475" s="4"/>
      <c r="I1475" s="4"/>
    </row>
    <row r="1476" spans="2:11" ht="18" hidden="1" customHeight="1" x14ac:dyDescent="0.4">
      <c r="B1476" s="10"/>
      <c r="C1476" s="18"/>
      <c r="D1476" s="17" t="e">
        <f>VLOOKUP(C1476,[1]分類番号!$A$4:$B$1149,2,0)</f>
        <v>#N/A</v>
      </c>
      <c r="E1476" s="16"/>
      <c r="G1476" s="14"/>
      <c r="H1476" s="4"/>
      <c r="I1476" s="4"/>
    </row>
    <row r="1477" spans="2:11" ht="18" hidden="1" customHeight="1" x14ac:dyDescent="0.4">
      <c r="B1477" s="10"/>
      <c r="C1477" s="18"/>
      <c r="D1477" s="17" t="e">
        <f>VLOOKUP(C1477,[1]分類番号!$A$4:$B$1149,2,0)</f>
        <v>#N/A</v>
      </c>
      <c r="E1477" s="16"/>
      <c r="G1477" s="14"/>
      <c r="H1477" s="4"/>
      <c r="I1477" s="4"/>
    </row>
    <row r="1478" spans="2:11" ht="18" hidden="1" customHeight="1" x14ac:dyDescent="0.4">
      <c r="B1478" s="10"/>
      <c r="C1478" s="18"/>
      <c r="D1478" s="17" t="e">
        <f>VLOOKUP(C1478,[1]分類番号!$A$4:$B$1149,2,0)</f>
        <v>#N/A</v>
      </c>
      <c r="E1478" s="16"/>
      <c r="G1478" s="14"/>
      <c r="H1478" s="4"/>
      <c r="I1478" s="4"/>
    </row>
    <row r="1479" spans="2:11" ht="18" hidden="1" customHeight="1" x14ac:dyDescent="0.4">
      <c r="B1479" s="10"/>
      <c r="C1479" s="18"/>
      <c r="D1479" s="17" t="e">
        <f>VLOOKUP(C1479,[1]分類番号!$A$4:$B$1149,2,0)</f>
        <v>#N/A</v>
      </c>
      <c r="E1479" s="16"/>
      <c r="G1479" s="14"/>
      <c r="H1479" s="4"/>
      <c r="I1479" s="4"/>
    </row>
    <row r="1480" spans="2:11" ht="18" hidden="1" customHeight="1" x14ac:dyDescent="0.4">
      <c r="B1480" s="10"/>
      <c r="C1480" s="18"/>
      <c r="D1480" s="17" t="e">
        <f>VLOOKUP(C1480,[1]分類番号!$A$4:$B$1149,2,0)</f>
        <v>#N/A</v>
      </c>
      <c r="E1480" s="16"/>
      <c r="G1480" s="14"/>
      <c r="H1480" s="4"/>
      <c r="I1480" s="4"/>
    </row>
    <row r="1481" spans="2:11" ht="18" hidden="1" customHeight="1" x14ac:dyDescent="0.4">
      <c r="B1481" s="10"/>
      <c r="C1481" s="18"/>
      <c r="D1481" s="17" t="e">
        <f>VLOOKUP(C1481,[1]分類番号!$A$4:$B$1149,2,0)</f>
        <v>#N/A</v>
      </c>
      <c r="E1481" s="16"/>
      <c r="G1481" s="14"/>
      <c r="H1481" s="4"/>
      <c r="I1481" s="4"/>
    </row>
    <row r="1482" spans="2:11" ht="18" hidden="1" customHeight="1" x14ac:dyDescent="0.4">
      <c r="B1482" s="10"/>
      <c r="C1482" s="18"/>
      <c r="D1482" s="17" t="e">
        <f>VLOOKUP(C1482,[1]分類番号!$A$4:$B$1149,2,0)</f>
        <v>#N/A</v>
      </c>
      <c r="E1482" s="16"/>
      <c r="G1482" s="14"/>
      <c r="H1482" s="4"/>
      <c r="I1482" s="4"/>
    </row>
    <row r="1483" spans="2:11" ht="18.75" hidden="1" customHeight="1" x14ac:dyDescent="0.4">
      <c r="B1483" s="10"/>
      <c r="C1483" s="18"/>
      <c r="D1483" s="17" t="e">
        <f>VLOOKUP(C1483,[1]分類番号!$A$4:$B$1149,2,0)</f>
        <v>#N/A</v>
      </c>
      <c r="E1483" s="16"/>
      <c r="G1483" s="14"/>
      <c r="H1483" s="3"/>
      <c r="I1483" s="3"/>
      <c r="J1483" s="3"/>
      <c r="K1483" s="3"/>
    </row>
    <row r="1484" spans="2:11" ht="19.5" hidden="1" thickBot="1" x14ac:dyDescent="0.45">
      <c r="B1484" s="10"/>
      <c r="C1484" s="18"/>
      <c r="D1484" s="17" t="e">
        <f>VLOOKUP(C1484,[1]分類番号!$A$4:$B$1149,2,0)</f>
        <v>#N/A</v>
      </c>
      <c r="E1484" s="16"/>
      <c r="G1484" s="14"/>
      <c r="H1484" s="3"/>
      <c r="I1484" s="3"/>
      <c r="J1484" s="3"/>
      <c r="K1484" s="3"/>
    </row>
    <row r="1485" spans="2:11" ht="18" hidden="1" customHeight="1" x14ac:dyDescent="0.4">
      <c r="B1485" s="10"/>
      <c r="C1485" s="18"/>
      <c r="D1485" s="17" t="e">
        <f>VLOOKUP(C1485,[1]分類番号!$A$4:$B$1149,2,0)</f>
        <v>#N/A</v>
      </c>
      <c r="E1485" s="16"/>
      <c r="G1485" s="14"/>
      <c r="H1485" s="4"/>
      <c r="I1485" s="4"/>
    </row>
    <row r="1486" spans="2:11" ht="18" hidden="1" customHeight="1" x14ac:dyDescent="0.4">
      <c r="B1486" s="10"/>
      <c r="C1486" s="18"/>
      <c r="D1486" s="17" t="e">
        <f>VLOOKUP(C1486,[1]分類番号!$A$4:$B$1149,2,0)</f>
        <v>#N/A</v>
      </c>
      <c r="E1486" s="16"/>
      <c r="G1486" s="14"/>
      <c r="H1486" s="4"/>
      <c r="I1486" s="4"/>
    </row>
    <row r="1487" spans="2:11" ht="18" hidden="1" customHeight="1" x14ac:dyDescent="0.4">
      <c r="B1487" s="10"/>
      <c r="C1487" s="18"/>
      <c r="D1487" s="17" t="e">
        <f>VLOOKUP(C1487,[1]分類番号!$A$4:$B$1149,2,0)</f>
        <v>#N/A</v>
      </c>
      <c r="E1487" s="16"/>
      <c r="G1487" s="14"/>
      <c r="H1487" s="4"/>
      <c r="I1487" s="4"/>
    </row>
    <row r="1488" spans="2:11" ht="18" hidden="1" customHeight="1" x14ac:dyDescent="0.4">
      <c r="B1488" s="10"/>
      <c r="C1488" s="18"/>
      <c r="D1488" s="17" t="e">
        <f>VLOOKUP(C1488,[1]分類番号!$A$4:$B$1149,2,0)</f>
        <v>#N/A</v>
      </c>
      <c r="E1488" s="16"/>
      <c r="G1488" s="14"/>
      <c r="H1488" s="4"/>
      <c r="I1488" s="4"/>
    </row>
    <row r="1489" spans="2:9" ht="18" hidden="1" customHeight="1" x14ac:dyDescent="0.4">
      <c r="B1489" s="10"/>
      <c r="C1489" s="18"/>
      <c r="D1489" s="17" t="e">
        <f>VLOOKUP(C1489,[1]分類番号!$A$4:$B$1149,2,0)</f>
        <v>#N/A</v>
      </c>
      <c r="E1489" s="16"/>
      <c r="G1489" s="14"/>
      <c r="H1489" s="4"/>
      <c r="I1489" s="4"/>
    </row>
    <row r="1490" spans="2:9" ht="18" hidden="1" customHeight="1" x14ac:dyDescent="0.4">
      <c r="B1490" s="10"/>
      <c r="C1490" s="18"/>
      <c r="D1490" s="17" t="e">
        <f>VLOOKUP(C1490,[1]分類番号!$A$4:$B$1149,2,0)</f>
        <v>#N/A</v>
      </c>
      <c r="E1490" s="16"/>
      <c r="G1490" s="14"/>
      <c r="H1490" s="4"/>
      <c r="I1490" s="4"/>
    </row>
    <row r="1491" spans="2:9" ht="18" hidden="1" customHeight="1" x14ac:dyDescent="0.4">
      <c r="B1491" s="10"/>
      <c r="C1491" s="18"/>
      <c r="D1491" s="17" t="e">
        <f>VLOOKUP(C1491,[1]分類番号!$A$4:$B$1149,2,0)</f>
        <v>#N/A</v>
      </c>
      <c r="E1491" s="16"/>
      <c r="G1491" s="14"/>
      <c r="H1491" s="4"/>
      <c r="I1491" s="4"/>
    </row>
    <row r="1492" spans="2:9" ht="18" hidden="1" customHeight="1" x14ac:dyDescent="0.4">
      <c r="B1492" s="10"/>
      <c r="C1492" s="18"/>
      <c r="D1492" s="17" t="e">
        <f>VLOOKUP(C1492,[1]分類番号!$A$4:$B$1149,2,0)</f>
        <v>#N/A</v>
      </c>
      <c r="E1492" s="16"/>
      <c r="G1492" s="14"/>
      <c r="H1492" s="4"/>
      <c r="I1492" s="4"/>
    </row>
    <row r="1493" spans="2:9" ht="18" hidden="1" customHeight="1" x14ac:dyDescent="0.4">
      <c r="B1493" s="10"/>
      <c r="C1493" s="18"/>
      <c r="D1493" s="17" t="e">
        <f>VLOOKUP(C1493,[1]分類番号!$A$4:$B$1149,2,0)</f>
        <v>#N/A</v>
      </c>
      <c r="E1493" s="16"/>
      <c r="G1493" s="14"/>
      <c r="H1493" s="4"/>
      <c r="I1493" s="4"/>
    </row>
    <row r="1494" spans="2:9" ht="18" hidden="1" customHeight="1" x14ac:dyDescent="0.4">
      <c r="B1494" s="10"/>
      <c r="C1494" s="18"/>
      <c r="D1494" s="17" t="e">
        <f>VLOOKUP(C1494,[1]分類番号!$A$4:$B$1149,2,0)</f>
        <v>#N/A</v>
      </c>
      <c r="E1494" s="16"/>
      <c r="G1494" s="14"/>
      <c r="H1494" s="4"/>
      <c r="I1494" s="4"/>
    </row>
    <row r="1495" spans="2:9" ht="18" hidden="1" customHeight="1" x14ac:dyDescent="0.4">
      <c r="B1495" s="10"/>
      <c r="C1495" s="18"/>
      <c r="D1495" s="17" t="e">
        <f>VLOOKUP(C1495,[1]分類番号!$A$4:$B$1149,2,0)</f>
        <v>#N/A</v>
      </c>
      <c r="E1495" s="16"/>
      <c r="G1495" s="14"/>
      <c r="H1495" s="4"/>
      <c r="I1495" s="4"/>
    </row>
    <row r="1496" spans="2:9" ht="18" hidden="1" customHeight="1" x14ac:dyDescent="0.4">
      <c r="B1496" s="10"/>
      <c r="C1496" s="18"/>
      <c r="D1496" s="17" t="e">
        <f>VLOOKUP(C1496,[1]分類番号!$A$4:$B$1149,2,0)</f>
        <v>#N/A</v>
      </c>
      <c r="E1496" s="16"/>
      <c r="G1496" s="14"/>
      <c r="H1496" s="4"/>
      <c r="I1496" s="4"/>
    </row>
    <row r="1497" spans="2:9" ht="18" hidden="1" customHeight="1" x14ac:dyDescent="0.4">
      <c r="B1497" s="10"/>
      <c r="C1497" s="18"/>
      <c r="D1497" s="17" t="e">
        <f>VLOOKUP(C1497,[1]分類番号!$A$4:$B$1149,2,0)</f>
        <v>#N/A</v>
      </c>
      <c r="E1497" s="16"/>
      <c r="G1497" s="14"/>
      <c r="H1497" s="4"/>
      <c r="I1497" s="4"/>
    </row>
    <row r="1498" spans="2:9" ht="18" hidden="1" customHeight="1" x14ac:dyDescent="0.4">
      <c r="B1498" s="10"/>
      <c r="C1498" s="18"/>
      <c r="D1498" s="17" t="e">
        <f>VLOOKUP(C1498,[1]分類番号!$A$4:$B$1149,2,0)</f>
        <v>#N/A</v>
      </c>
      <c r="E1498" s="16"/>
      <c r="G1498" s="14"/>
      <c r="H1498" s="4"/>
      <c r="I1498" s="4"/>
    </row>
    <row r="1499" spans="2:9" ht="18" hidden="1" customHeight="1" x14ac:dyDescent="0.4">
      <c r="B1499" s="10"/>
      <c r="C1499" s="18"/>
      <c r="D1499" s="17" t="e">
        <f>VLOOKUP(C1499,[1]分類番号!$A$4:$B$1149,2,0)</f>
        <v>#N/A</v>
      </c>
      <c r="E1499" s="16"/>
      <c r="G1499" s="14"/>
      <c r="H1499" s="4"/>
      <c r="I1499" s="4"/>
    </row>
    <row r="1500" spans="2:9" ht="18" hidden="1" customHeight="1" x14ac:dyDescent="0.4">
      <c r="B1500" s="10"/>
      <c r="C1500" s="18"/>
      <c r="D1500" s="17" t="e">
        <f>VLOOKUP(C1500,[1]分類番号!$A$4:$B$1149,2,0)</f>
        <v>#N/A</v>
      </c>
      <c r="E1500" s="16"/>
      <c r="G1500" s="14"/>
      <c r="H1500" s="4"/>
      <c r="I1500" s="4"/>
    </row>
    <row r="1501" spans="2:9" ht="18" hidden="1" customHeight="1" x14ac:dyDescent="0.4">
      <c r="B1501" s="10"/>
      <c r="C1501" s="18"/>
      <c r="D1501" s="17" t="e">
        <f>VLOOKUP(C1501,[1]分類番号!$A$4:$B$1149,2,0)</f>
        <v>#N/A</v>
      </c>
      <c r="E1501" s="16"/>
      <c r="G1501" s="14"/>
      <c r="H1501" s="4"/>
      <c r="I1501" s="4"/>
    </row>
    <row r="1502" spans="2:9" ht="18" hidden="1" customHeight="1" x14ac:dyDescent="0.4">
      <c r="B1502" s="10"/>
      <c r="C1502" s="18"/>
      <c r="D1502" s="17" t="e">
        <f>VLOOKUP(C1502,[1]分類番号!$A$4:$B$1149,2,0)</f>
        <v>#N/A</v>
      </c>
      <c r="E1502" s="16"/>
      <c r="G1502" s="14"/>
      <c r="H1502" s="4"/>
      <c r="I1502" s="4"/>
    </row>
    <row r="1503" spans="2:9" ht="18" hidden="1" customHeight="1" x14ac:dyDescent="0.4">
      <c r="B1503" s="10"/>
      <c r="C1503" s="18"/>
      <c r="D1503" s="17" t="e">
        <f>VLOOKUP(C1503,[1]分類番号!$A$4:$B$1149,2,0)</f>
        <v>#N/A</v>
      </c>
      <c r="E1503" s="16"/>
      <c r="G1503" s="14"/>
      <c r="H1503" s="4"/>
      <c r="I1503" s="4"/>
    </row>
    <row r="1504" spans="2:9" ht="18" hidden="1" customHeight="1" x14ac:dyDescent="0.4">
      <c r="B1504" s="10"/>
      <c r="C1504" s="18"/>
      <c r="D1504" s="17" t="e">
        <f>VLOOKUP(C1504,[1]分類番号!$A$4:$B$1149,2,0)</f>
        <v>#N/A</v>
      </c>
      <c r="E1504" s="16"/>
      <c r="G1504" s="14"/>
      <c r="H1504" s="4"/>
      <c r="I1504" s="4"/>
    </row>
    <row r="1505" spans="2:9" ht="18" hidden="1" customHeight="1" x14ac:dyDescent="0.4">
      <c r="B1505" s="10"/>
      <c r="C1505" s="18"/>
      <c r="D1505" s="17" t="e">
        <f>VLOOKUP(C1505,[1]分類番号!$A$4:$B$1149,2,0)</f>
        <v>#N/A</v>
      </c>
      <c r="E1505" s="16"/>
      <c r="G1505" s="14"/>
      <c r="H1505" s="4"/>
      <c r="I1505" s="4"/>
    </row>
    <row r="1506" spans="2:9" ht="18" hidden="1" customHeight="1" x14ac:dyDescent="0.4">
      <c r="B1506" s="10"/>
      <c r="C1506" s="18"/>
      <c r="D1506" s="17" t="e">
        <f>VLOOKUP(C1506,[1]分類番号!$A$4:$B$1149,2,0)</f>
        <v>#N/A</v>
      </c>
      <c r="E1506" s="16"/>
      <c r="G1506" s="14"/>
      <c r="H1506" s="4"/>
      <c r="I1506" s="4"/>
    </row>
    <row r="1507" spans="2:9" ht="18" hidden="1" customHeight="1" x14ac:dyDescent="0.4">
      <c r="B1507" s="10"/>
      <c r="C1507" s="18"/>
      <c r="D1507" s="17" t="e">
        <f>VLOOKUP(C1507,[1]分類番号!$A$4:$B$1149,2,0)</f>
        <v>#N/A</v>
      </c>
      <c r="E1507" s="16"/>
      <c r="G1507" s="14"/>
      <c r="H1507" s="4"/>
      <c r="I1507" s="4"/>
    </row>
    <row r="1508" spans="2:9" ht="18" hidden="1" customHeight="1" x14ac:dyDescent="0.4">
      <c r="B1508" s="10"/>
      <c r="C1508" s="18"/>
      <c r="D1508" s="17" t="e">
        <f>VLOOKUP(C1508,[1]分類番号!$A$4:$B$1149,2,0)</f>
        <v>#N/A</v>
      </c>
      <c r="E1508" s="16"/>
      <c r="G1508" s="14"/>
      <c r="H1508" s="4"/>
      <c r="I1508" s="4"/>
    </row>
    <row r="1509" spans="2:9" ht="18" hidden="1" customHeight="1" x14ac:dyDescent="0.4">
      <c r="B1509" s="10"/>
      <c r="C1509" s="18"/>
      <c r="D1509" s="17" t="e">
        <f>VLOOKUP(C1509,[1]分類番号!$A$4:$B$1149,2,0)</f>
        <v>#N/A</v>
      </c>
      <c r="E1509" s="16"/>
      <c r="G1509" s="14"/>
      <c r="H1509" s="4"/>
      <c r="I1509" s="4"/>
    </row>
    <row r="1510" spans="2:9" ht="18" hidden="1" customHeight="1" x14ac:dyDescent="0.4">
      <c r="B1510" s="10"/>
      <c r="C1510" s="18"/>
      <c r="D1510" s="17" t="e">
        <f>VLOOKUP(C1510,[1]分類番号!$A$4:$B$1149,2,0)</f>
        <v>#N/A</v>
      </c>
      <c r="E1510" s="16"/>
      <c r="G1510" s="14"/>
      <c r="H1510" s="4"/>
      <c r="I1510" s="4"/>
    </row>
    <row r="1511" spans="2:9" ht="18" hidden="1" customHeight="1" x14ac:dyDescent="0.4">
      <c r="B1511" s="10"/>
      <c r="C1511" s="18"/>
      <c r="D1511" s="17" t="e">
        <f>VLOOKUP(C1511,[1]分類番号!$A$4:$B$1149,2,0)</f>
        <v>#N/A</v>
      </c>
      <c r="E1511" s="16"/>
      <c r="G1511" s="14"/>
      <c r="H1511" s="4"/>
      <c r="I1511" s="4"/>
    </row>
    <row r="1512" spans="2:9" ht="18" hidden="1" customHeight="1" x14ac:dyDescent="0.4">
      <c r="B1512" s="10"/>
      <c r="C1512" s="18"/>
      <c r="D1512" s="17" t="e">
        <f>VLOOKUP(C1512,[1]分類番号!$A$4:$B$1149,2,0)</f>
        <v>#N/A</v>
      </c>
      <c r="E1512" s="16"/>
      <c r="G1512" s="14"/>
      <c r="H1512" s="4"/>
      <c r="I1512" s="4"/>
    </row>
    <row r="1513" spans="2:9" ht="14.1" hidden="1" customHeight="1" thickBot="1" x14ac:dyDescent="0.45">
      <c r="B1513" s="10"/>
      <c r="C1513" s="18"/>
      <c r="D1513" s="17" t="e">
        <f>VLOOKUP(C1513,[1]分類番号!$A$4:$B$1149,2,0)</f>
        <v>#N/A</v>
      </c>
      <c r="E1513" s="16"/>
      <c r="G1513" s="14"/>
      <c r="H1513" s="4"/>
      <c r="I1513" s="4"/>
    </row>
    <row r="1514" spans="2:9" ht="18" customHeight="1" x14ac:dyDescent="0.4">
      <c r="B1514" s="32" t="s">
        <v>1043</v>
      </c>
      <c r="C1514" s="32"/>
      <c r="D1514" s="32"/>
      <c r="E1514" s="16"/>
      <c r="H1514" s="4"/>
      <c r="I1514" s="4"/>
    </row>
    <row r="1515" spans="2:9" ht="18" customHeight="1" x14ac:dyDescent="0.4">
      <c r="B1515" s="33"/>
      <c r="C1515" s="33"/>
      <c r="D1515" s="33"/>
      <c r="E1515" s="16"/>
      <c r="H1515" s="4"/>
      <c r="I1515" s="4"/>
    </row>
    <row r="1516" spans="2:9" ht="18" customHeight="1" x14ac:dyDescent="0.4">
      <c r="B1516" s="33"/>
      <c r="C1516" s="33"/>
      <c r="D1516" s="33"/>
      <c r="E1516" s="16"/>
      <c r="H1516" s="4"/>
      <c r="I1516" s="4"/>
    </row>
    <row r="1517" spans="2:9" ht="18" customHeight="1" thickBot="1" x14ac:dyDescent="0.45">
      <c r="B1517" s="33"/>
      <c r="C1517" s="33"/>
      <c r="D1517" s="33"/>
      <c r="E1517" s="16"/>
      <c r="H1517" s="4"/>
      <c r="I1517" s="4"/>
    </row>
    <row r="1518" spans="2:9" ht="18" customHeight="1" x14ac:dyDescent="0.4">
      <c r="B1518" s="34"/>
      <c r="C1518" s="34"/>
      <c r="D1518" s="34"/>
      <c r="E1518" s="16"/>
      <c r="H1518" s="4"/>
      <c r="I1518" s="4"/>
    </row>
    <row r="1519" spans="2:9" ht="18" customHeight="1" x14ac:dyDescent="0.4">
      <c r="B1519" s="35"/>
      <c r="C1519" s="35"/>
      <c r="D1519" s="35"/>
      <c r="E1519" s="16"/>
      <c r="H1519" s="4"/>
      <c r="I1519" s="4"/>
    </row>
    <row r="1520" spans="2:9" ht="18" customHeight="1" x14ac:dyDescent="0.4">
      <c r="B1520" s="35"/>
      <c r="C1520" s="35"/>
      <c r="D1520" s="35"/>
      <c r="E1520" s="16"/>
      <c r="H1520" s="4"/>
      <c r="I1520" s="4"/>
    </row>
    <row r="1521" spans="2:9" ht="18" customHeight="1" x14ac:dyDescent="0.4">
      <c r="B1521" s="35"/>
      <c r="C1521" s="35"/>
      <c r="D1521" s="35"/>
      <c r="E1521" s="16"/>
      <c r="H1521" s="4"/>
      <c r="I1521" s="4"/>
    </row>
    <row r="1522" spans="2:9" ht="18" customHeight="1" x14ac:dyDescent="0.4">
      <c r="B1522" s="35"/>
      <c r="C1522" s="35"/>
      <c r="D1522" s="35"/>
      <c r="E1522" s="16"/>
      <c r="H1522" s="4"/>
      <c r="I1522" s="4"/>
    </row>
    <row r="1523" spans="2:9" ht="18" customHeight="1" x14ac:dyDescent="0.4">
      <c r="B1523" s="35"/>
      <c r="C1523" s="35"/>
      <c r="D1523" s="35"/>
      <c r="E1523" s="16"/>
      <c r="H1523" s="4"/>
      <c r="I1523" s="4"/>
    </row>
    <row r="1524" spans="2:9" ht="18" customHeight="1" x14ac:dyDescent="0.4">
      <c r="E1524" s="16"/>
      <c r="H1524" s="4"/>
      <c r="I1524" s="4"/>
    </row>
    <row r="1525" spans="2:9" ht="18" customHeight="1" x14ac:dyDescent="0.4">
      <c r="E1525" s="16"/>
      <c r="H1525" s="4"/>
      <c r="I1525" s="4"/>
    </row>
    <row r="1526" spans="2:9" ht="18" customHeight="1" x14ac:dyDescent="0.4">
      <c r="E1526" s="16"/>
      <c r="H1526" s="4"/>
      <c r="I1526" s="4"/>
    </row>
    <row r="1527" spans="2:9" ht="18" customHeight="1" x14ac:dyDescent="0.4">
      <c r="E1527" s="16"/>
      <c r="H1527" s="4"/>
      <c r="I1527" s="4"/>
    </row>
    <row r="1528" spans="2:9" ht="18" customHeight="1" x14ac:dyDescent="0.4">
      <c r="E1528" s="16"/>
      <c r="H1528" s="4"/>
      <c r="I1528" s="4"/>
    </row>
    <row r="1529" spans="2:9" ht="18" customHeight="1" x14ac:dyDescent="0.4">
      <c r="E1529" s="16"/>
      <c r="H1529" s="4"/>
      <c r="I1529" s="4"/>
    </row>
    <row r="1530" spans="2:9" ht="18" customHeight="1" x14ac:dyDescent="0.4">
      <c r="E1530" s="16"/>
      <c r="H1530" s="4"/>
      <c r="I1530" s="4"/>
    </row>
    <row r="1531" spans="2:9" ht="18" customHeight="1" x14ac:dyDescent="0.4">
      <c r="E1531" s="16"/>
      <c r="H1531" s="4"/>
      <c r="I1531" s="4"/>
    </row>
    <row r="1532" spans="2:9" ht="18" customHeight="1" x14ac:dyDescent="0.4">
      <c r="E1532" s="16"/>
      <c r="H1532" s="4"/>
      <c r="I1532" s="4"/>
    </row>
    <row r="1533" spans="2:9" ht="18" customHeight="1" x14ac:dyDescent="0.4">
      <c r="E1533" s="16"/>
      <c r="H1533" s="4"/>
      <c r="I1533" s="4"/>
    </row>
    <row r="1534" spans="2:9" ht="18" customHeight="1" x14ac:dyDescent="0.4">
      <c r="E1534" s="16"/>
      <c r="H1534" s="4"/>
      <c r="I1534" s="4"/>
    </row>
    <row r="1535" spans="2:9" ht="18" customHeight="1" x14ac:dyDescent="0.4">
      <c r="E1535" s="16"/>
      <c r="H1535" s="4"/>
      <c r="I1535" s="4"/>
    </row>
    <row r="1536" spans="2:9" ht="18" customHeight="1" x14ac:dyDescent="0.4">
      <c r="E1536" s="16"/>
      <c r="H1536" s="4"/>
      <c r="I1536" s="4"/>
    </row>
    <row r="1537" spans="5:9" ht="18" customHeight="1" x14ac:dyDescent="0.4">
      <c r="E1537" s="16"/>
      <c r="H1537" s="4"/>
      <c r="I1537" s="4"/>
    </row>
    <row r="1538" spans="5:9" ht="18" customHeight="1" x14ac:dyDescent="0.4">
      <c r="E1538" s="16"/>
      <c r="H1538" s="4"/>
      <c r="I1538" s="4"/>
    </row>
    <row r="1539" spans="5:9" ht="18" customHeight="1" x14ac:dyDescent="0.4">
      <c r="E1539" s="16"/>
      <c r="H1539" s="4"/>
      <c r="I1539" s="4"/>
    </row>
    <row r="1540" spans="5:9" ht="18" customHeight="1" x14ac:dyDescent="0.4">
      <c r="E1540" s="16"/>
      <c r="H1540" s="4"/>
      <c r="I1540" s="4"/>
    </row>
    <row r="1541" spans="5:9" ht="18" customHeight="1" x14ac:dyDescent="0.4">
      <c r="E1541" s="16"/>
      <c r="H1541" s="4"/>
      <c r="I1541" s="4"/>
    </row>
    <row r="1542" spans="5:9" ht="18" customHeight="1" x14ac:dyDescent="0.4">
      <c r="E1542" s="16"/>
      <c r="H1542" s="4"/>
      <c r="I1542" s="4"/>
    </row>
    <row r="1543" spans="5:9" ht="18" customHeight="1" x14ac:dyDescent="0.4">
      <c r="E1543" s="16"/>
      <c r="H1543" s="4"/>
      <c r="I1543" s="4"/>
    </row>
    <row r="1544" spans="5:9" ht="18" customHeight="1" x14ac:dyDescent="0.4">
      <c r="E1544" s="16"/>
      <c r="H1544" s="4"/>
      <c r="I1544" s="4"/>
    </row>
    <row r="1545" spans="5:9" ht="18" customHeight="1" x14ac:dyDescent="0.4">
      <c r="E1545" s="16"/>
      <c r="H1545" s="4"/>
      <c r="I1545" s="4"/>
    </row>
    <row r="1546" spans="5:9" ht="18" customHeight="1" x14ac:dyDescent="0.4">
      <c r="E1546" s="16"/>
      <c r="H1546" s="4"/>
      <c r="I1546" s="4"/>
    </row>
    <row r="1547" spans="5:9" ht="18" customHeight="1" x14ac:dyDescent="0.4">
      <c r="E1547" s="16"/>
      <c r="H1547" s="4"/>
      <c r="I1547" s="4"/>
    </row>
    <row r="1548" spans="5:9" ht="18" customHeight="1" x14ac:dyDescent="0.4">
      <c r="E1548" s="16"/>
      <c r="H1548" s="4"/>
      <c r="I1548" s="4"/>
    </row>
    <row r="1549" spans="5:9" ht="18" customHeight="1" x14ac:dyDescent="0.4">
      <c r="E1549" s="16"/>
      <c r="H1549" s="4"/>
      <c r="I1549" s="4"/>
    </row>
    <row r="1550" spans="5:9" ht="18" customHeight="1" x14ac:dyDescent="0.4">
      <c r="E1550" s="16"/>
      <c r="H1550" s="4"/>
      <c r="I1550" s="4"/>
    </row>
    <row r="1551" spans="5:9" ht="18" customHeight="1" x14ac:dyDescent="0.4">
      <c r="E1551" s="16"/>
      <c r="H1551" s="4"/>
      <c r="I1551" s="4"/>
    </row>
    <row r="1552" spans="5:9" ht="18" customHeight="1" x14ac:dyDescent="0.4">
      <c r="E1552" s="16"/>
      <c r="H1552" s="4"/>
      <c r="I1552" s="4"/>
    </row>
    <row r="1553" spans="5:9" ht="18" customHeight="1" x14ac:dyDescent="0.4">
      <c r="E1553" s="16"/>
      <c r="H1553" s="4"/>
      <c r="I1553" s="4"/>
    </row>
    <row r="1554" spans="5:9" ht="18" customHeight="1" x14ac:dyDescent="0.4">
      <c r="E1554" s="16"/>
      <c r="H1554" s="4"/>
      <c r="I1554" s="4"/>
    </row>
    <row r="1555" spans="5:9" ht="18" customHeight="1" x14ac:dyDescent="0.4">
      <c r="E1555" s="16"/>
      <c r="H1555" s="4"/>
      <c r="I1555" s="4"/>
    </row>
    <row r="1556" spans="5:9" ht="18" customHeight="1" x14ac:dyDescent="0.4">
      <c r="E1556" s="16"/>
      <c r="H1556" s="4"/>
      <c r="I1556" s="4"/>
    </row>
    <row r="1557" spans="5:9" ht="18" customHeight="1" x14ac:dyDescent="0.4">
      <c r="E1557" s="16"/>
      <c r="H1557" s="4"/>
      <c r="I1557" s="4"/>
    </row>
    <row r="1558" spans="5:9" ht="18" customHeight="1" x14ac:dyDescent="0.4">
      <c r="E1558" s="16"/>
      <c r="H1558" s="4"/>
      <c r="I1558" s="4"/>
    </row>
    <row r="1559" spans="5:9" ht="18" customHeight="1" x14ac:dyDescent="0.4">
      <c r="E1559" s="16"/>
      <c r="H1559" s="4"/>
      <c r="I1559" s="4"/>
    </row>
    <row r="1560" spans="5:9" ht="18" customHeight="1" x14ac:dyDescent="0.4">
      <c r="E1560" s="16"/>
      <c r="H1560" s="4"/>
      <c r="I1560" s="4"/>
    </row>
    <row r="1561" spans="5:9" ht="18" customHeight="1" x14ac:dyDescent="0.4">
      <c r="E1561" s="16"/>
      <c r="H1561" s="4"/>
      <c r="I1561" s="4"/>
    </row>
    <row r="1562" spans="5:9" ht="18" customHeight="1" x14ac:dyDescent="0.4">
      <c r="E1562" s="16"/>
      <c r="H1562" s="4"/>
      <c r="I1562" s="4"/>
    </row>
    <row r="1563" spans="5:9" ht="18" customHeight="1" x14ac:dyDescent="0.4">
      <c r="E1563" s="16"/>
      <c r="H1563" s="4"/>
      <c r="I1563" s="4"/>
    </row>
    <row r="1564" spans="5:9" ht="18" customHeight="1" x14ac:dyDescent="0.4">
      <c r="E1564" s="16"/>
      <c r="H1564" s="4"/>
      <c r="I1564" s="4"/>
    </row>
    <row r="1565" spans="5:9" ht="40.5" customHeight="1" x14ac:dyDescent="0.4">
      <c r="E1565" s="16"/>
      <c r="H1565" s="4"/>
      <c r="I1565" s="4"/>
    </row>
    <row r="1566" spans="5:9" ht="40.5" customHeight="1" x14ac:dyDescent="0.4">
      <c r="E1566" s="16"/>
      <c r="H1566" s="4"/>
      <c r="I1566" s="4"/>
    </row>
    <row r="1567" spans="5:9" ht="18" customHeight="1" x14ac:dyDescent="0.4">
      <c r="E1567" s="16"/>
      <c r="H1567" s="4"/>
      <c r="I1567" s="4"/>
    </row>
    <row r="1568" spans="5:9" ht="18" customHeight="1" x14ac:dyDescent="0.4">
      <c r="E1568" s="16"/>
      <c r="H1568" s="4"/>
      <c r="I1568" s="4"/>
    </row>
    <row r="1569" spans="5:11" ht="18" customHeight="1" x14ac:dyDescent="0.4">
      <c r="E1569" s="16"/>
      <c r="H1569" s="4"/>
      <c r="I1569" s="4"/>
    </row>
    <row r="1570" spans="5:11" ht="18" customHeight="1" x14ac:dyDescent="0.4">
      <c r="E1570" s="16"/>
      <c r="H1570" s="4"/>
      <c r="I1570" s="4"/>
    </row>
    <row r="1571" spans="5:11" ht="18" customHeight="1" x14ac:dyDescent="0.4">
      <c r="E1571" s="16"/>
      <c r="H1571" s="4"/>
      <c r="I1571" s="4"/>
    </row>
    <row r="1572" spans="5:11" ht="18" customHeight="1" x14ac:dyDescent="0.4">
      <c r="E1572" s="16"/>
      <c r="H1572" s="4"/>
      <c r="I1572" s="4"/>
    </row>
    <row r="1573" spans="5:11" ht="18" customHeight="1" x14ac:dyDescent="0.4">
      <c r="E1573" s="16"/>
      <c r="H1573" s="4"/>
      <c r="I1573" s="4"/>
    </row>
    <row r="1574" spans="5:11" ht="40.5" customHeight="1" x14ac:dyDescent="0.4">
      <c r="E1574" s="16"/>
      <c r="H1574" s="4"/>
      <c r="I1574" s="4"/>
      <c r="K1574" s="5"/>
    </row>
    <row r="1575" spans="5:11" ht="73.5" customHeight="1" x14ac:dyDescent="0.4">
      <c r="E1575" s="16"/>
      <c r="H1575" s="4"/>
      <c r="I1575" s="4"/>
    </row>
  </sheetData>
  <mergeCells count="5">
    <mergeCell ref="B2:D2"/>
    <mergeCell ref="B3:D3"/>
    <mergeCell ref="B4:D4"/>
    <mergeCell ref="B1514:D1517"/>
    <mergeCell ref="B1518:D1523"/>
  </mergeCells>
  <phoneticPr fontId="1"/>
  <printOptions horizontalCentered="1"/>
  <pageMargins left="0.70866141732283472" right="0.70866141732283472" top="0.74803149606299213" bottom="0.74803149606299213" header="0.39370078740157483" footer="0.39370078740157483"/>
  <pageSetup paperSize="9" scale="73" fitToHeight="0" orientation="portrait" r:id="rId1"/>
  <headerFooter>
    <oddFooter>&amp;C&amp;P</oddFooter>
  </headerFooter>
  <rowBreaks count="4" manualBreakCount="4">
    <brk id="47" max="4" man="1"/>
    <brk id="220" max="4" man="1"/>
    <brk id="278" max="4" man="1"/>
    <brk id="336" max="4"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2</vt:i4>
      </vt:variant>
    </vt:vector>
  </HeadingPairs>
  <TitlesOfParts>
    <vt:vector size="3" baseType="lpstr">
      <vt:lpstr>指定業種リスト</vt:lpstr>
      <vt:lpstr>指定業種リスト!Extract</vt:lpstr>
      <vt:lpstr>指定業種リス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ユーザー</dc:creator>
  <cp:lastModifiedBy>Windows ユーザー</cp:lastModifiedBy>
  <cp:lastPrinted>2022-09-05T08:16:43Z</cp:lastPrinted>
  <dcterms:created xsi:type="dcterms:W3CDTF">2018-04-03T01:50:55Z</dcterms:created>
  <dcterms:modified xsi:type="dcterms:W3CDTF">2022-09-30T00:32:20Z</dcterms:modified>
</cp:coreProperties>
</file>